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i4620565\Desktop\ホームページ使用データ一式\"/>
    </mc:Choice>
  </mc:AlternateContent>
  <bookViews>
    <workbookView xWindow="240" yWindow="105" windowWidth="19395" windowHeight="5565"/>
  </bookViews>
  <sheets>
    <sheet name="一般会計等" sheetId="10" r:id="rId1"/>
    <sheet name="一般会計からのみえけし" sheetId="5" state="hidden" r:id="rId2"/>
    <sheet name="botu連結" sheetId="9" state="hidden" r:id="rId3"/>
  </sheets>
  <definedNames>
    <definedName name="_xlnm.Print_Area" localSheetId="2">botu連結!$A$1:$E$86</definedName>
    <definedName name="_xlnm.Print_Area" localSheetId="1">一般会計からのみえけし!$A$1:$D$48</definedName>
    <definedName name="_xlnm.Print_Area" localSheetId="0">一般会計等!$A$1:$D$67</definedName>
    <definedName name="_xlnm.Print_Titles" localSheetId="2">botu連結!$1:$3</definedName>
  </definedNames>
  <calcPr calcId="162913"/>
</workbook>
</file>

<file path=xl/calcChain.xml><?xml version="1.0" encoding="utf-8"?>
<calcChain xmlns="http://schemas.openxmlformats.org/spreadsheetml/2006/main">
  <c r="P79" i="9" l="1"/>
</calcChain>
</file>

<file path=xl/sharedStrings.xml><?xml version="1.0" encoding="utf-8"?>
<sst xmlns="http://schemas.openxmlformats.org/spreadsheetml/2006/main" count="194" uniqueCount="152">
  <si>
    <t>１．重要な会計方針</t>
    <rPh sb="2" eb="4">
      <t>ジュウヨウ</t>
    </rPh>
    <rPh sb="5" eb="7">
      <t>カイケイ</t>
    </rPh>
    <rPh sb="7" eb="9">
      <t>ホウシン</t>
    </rPh>
    <phoneticPr fontId="1"/>
  </si>
  <si>
    <t>２．重要な債務負担行為</t>
    <rPh sb="2" eb="4">
      <t>ジュウヨウ</t>
    </rPh>
    <rPh sb="5" eb="7">
      <t>サイム</t>
    </rPh>
    <rPh sb="7" eb="9">
      <t>フタン</t>
    </rPh>
    <rPh sb="9" eb="11">
      <t>コウイ</t>
    </rPh>
    <phoneticPr fontId="1"/>
  </si>
  <si>
    <t>３．重要な後発事象</t>
    <rPh sb="2" eb="4">
      <t>ジュウヨウ</t>
    </rPh>
    <rPh sb="5" eb="7">
      <t>コウハツ</t>
    </rPh>
    <rPh sb="7" eb="9">
      <t>ジショウ</t>
    </rPh>
    <phoneticPr fontId="1"/>
  </si>
  <si>
    <t>有形固定資産等の評価基準及び評価方法</t>
    <rPh sb="0" eb="2">
      <t>ユウケイ</t>
    </rPh>
    <rPh sb="2" eb="4">
      <t>コテイ</t>
    </rPh>
    <rPh sb="4" eb="6">
      <t>シサン</t>
    </rPh>
    <rPh sb="6" eb="7">
      <t>トウ</t>
    </rPh>
    <rPh sb="8" eb="10">
      <t>ヒョウカ</t>
    </rPh>
    <rPh sb="10" eb="12">
      <t>キジュン</t>
    </rPh>
    <rPh sb="12" eb="13">
      <t>オヨ</t>
    </rPh>
    <rPh sb="14" eb="16">
      <t>ヒョウカ</t>
    </rPh>
    <rPh sb="16" eb="18">
      <t>ホウホウ</t>
    </rPh>
    <phoneticPr fontId="1"/>
  </si>
  <si>
    <t>有価証券等の評価基準及び評価方法</t>
    <rPh sb="0" eb="2">
      <t>ユウカ</t>
    </rPh>
    <rPh sb="2" eb="4">
      <t>ショウケン</t>
    </rPh>
    <rPh sb="4" eb="5">
      <t>トウ</t>
    </rPh>
    <rPh sb="6" eb="8">
      <t>ヒョウカ</t>
    </rPh>
    <rPh sb="8" eb="10">
      <t>キジュン</t>
    </rPh>
    <rPh sb="10" eb="11">
      <t>オヨ</t>
    </rPh>
    <rPh sb="12" eb="14">
      <t>ヒョウカ</t>
    </rPh>
    <rPh sb="14" eb="16">
      <t>ホウホウ</t>
    </rPh>
    <phoneticPr fontId="1"/>
  </si>
  <si>
    <t>引当金の計上基準及び算定方法</t>
    <rPh sb="0" eb="2">
      <t>ヒキアテ</t>
    </rPh>
    <rPh sb="2" eb="3">
      <t>キン</t>
    </rPh>
    <rPh sb="4" eb="6">
      <t>ケイジョウ</t>
    </rPh>
    <rPh sb="6" eb="8">
      <t>キジュン</t>
    </rPh>
    <rPh sb="8" eb="9">
      <t>オヨ</t>
    </rPh>
    <rPh sb="10" eb="12">
      <t>サンテイ</t>
    </rPh>
    <rPh sb="12" eb="14">
      <t>ホウホウ</t>
    </rPh>
    <phoneticPr fontId="1"/>
  </si>
  <si>
    <t>リース取引の処理方法</t>
    <rPh sb="3" eb="5">
      <t>トリヒキ</t>
    </rPh>
    <rPh sb="6" eb="8">
      <t>ショリ</t>
    </rPh>
    <rPh sb="8" eb="10">
      <t>ホウホウ</t>
    </rPh>
    <phoneticPr fontId="1"/>
  </si>
  <si>
    <t>キャッシュ・フロー計算書における資金の範囲</t>
    <rPh sb="9" eb="12">
      <t>ケイサンショ</t>
    </rPh>
    <rPh sb="16" eb="18">
      <t>シキン</t>
    </rPh>
    <rPh sb="19" eb="21">
      <t>ハンイ</t>
    </rPh>
    <phoneticPr fontId="1"/>
  </si>
  <si>
    <t>その他財務諸表作成のための基本となる重要な事項</t>
    <rPh sb="2" eb="3">
      <t>タ</t>
    </rPh>
    <rPh sb="3" eb="5">
      <t>ザイム</t>
    </rPh>
    <rPh sb="5" eb="7">
      <t>ショヒョウ</t>
    </rPh>
    <rPh sb="7" eb="9">
      <t>サクセイ</t>
    </rPh>
    <rPh sb="13" eb="15">
      <t>キホン</t>
    </rPh>
    <rPh sb="18" eb="20">
      <t>ジュウヨウ</t>
    </rPh>
    <rPh sb="21" eb="23">
      <t>ジコウ</t>
    </rPh>
    <phoneticPr fontId="1"/>
  </si>
  <si>
    <t>【売却可能資産に係る資産科目別の金額及びその範囲】</t>
    <rPh sb="1" eb="3">
      <t>バイキャク</t>
    </rPh>
    <rPh sb="3" eb="5">
      <t>カノウ</t>
    </rPh>
    <rPh sb="5" eb="7">
      <t>シサン</t>
    </rPh>
    <rPh sb="8" eb="9">
      <t>カカ</t>
    </rPh>
    <rPh sb="10" eb="12">
      <t>シサン</t>
    </rPh>
    <rPh sb="12" eb="14">
      <t>カモク</t>
    </rPh>
    <rPh sb="14" eb="15">
      <t>ベツ</t>
    </rPh>
    <rPh sb="16" eb="18">
      <t>キンガク</t>
    </rPh>
    <rPh sb="18" eb="19">
      <t>オヨ</t>
    </rPh>
    <rPh sb="22" eb="24">
      <t>ハンイ</t>
    </rPh>
    <phoneticPr fontId="1"/>
  </si>
  <si>
    <t>土地</t>
    <rPh sb="0" eb="2">
      <t>トチ</t>
    </rPh>
    <phoneticPr fontId="1"/>
  </si>
  <si>
    <t>相手先</t>
    <rPh sb="0" eb="3">
      <t>アイテサキ</t>
    </rPh>
    <phoneticPr fontId="1"/>
  </si>
  <si>
    <t>金額</t>
    <rPh sb="0" eb="2">
      <t>キンガク</t>
    </rPh>
    <phoneticPr fontId="1"/>
  </si>
  <si>
    <t>計</t>
    <rPh sb="0" eb="1">
      <t>ケイ</t>
    </rPh>
    <phoneticPr fontId="1"/>
  </si>
  <si>
    <t>＊損失補償等引当金に計上した額は除いております。</t>
    <rPh sb="1" eb="3">
      <t>ソンシツ</t>
    </rPh>
    <rPh sb="3" eb="5">
      <t>ホショウ</t>
    </rPh>
    <rPh sb="5" eb="6">
      <t>トウ</t>
    </rPh>
    <rPh sb="6" eb="8">
      <t>ヒキアテ</t>
    </rPh>
    <rPh sb="8" eb="9">
      <t>キン</t>
    </rPh>
    <rPh sb="10" eb="12">
      <t>ケイジョウ</t>
    </rPh>
    <rPh sb="14" eb="15">
      <t>ガク</t>
    </rPh>
    <rPh sb="16" eb="17">
      <t>ノゾ</t>
    </rPh>
    <phoneticPr fontId="1"/>
  </si>
  <si>
    <t>　ファイナンス・リース取引については、通常の売買取引に係る方法に準じた会計処理によっております。ただし、以下の場合は重要性が乏しいことから通常の賃貸借取引に係る方法に準じた会計処理によっております。
①　購入時に費用処理される資産（物品であれば100万円未満のもの）を対象としたリース取引
②　リース期間が1年以内のリース取引
③　所有権移転外ファイナンス・リースであって、リース契約１件当たりのリース料総額が300万円以下のリース取引</t>
    <rPh sb="11" eb="13">
      <t>トリヒキ</t>
    </rPh>
    <rPh sb="19" eb="21">
      <t>ツウジョウ</t>
    </rPh>
    <rPh sb="22" eb="24">
      <t>バイバイ</t>
    </rPh>
    <rPh sb="24" eb="26">
      <t>トリヒキ</t>
    </rPh>
    <rPh sb="27" eb="28">
      <t>カカ</t>
    </rPh>
    <rPh sb="29" eb="31">
      <t>ホウホウ</t>
    </rPh>
    <rPh sb="32" eb="33">
      <t>ジュン</t>
    </rPh>
    <rPh sb="35" eb="37">
      <t>カイケイ</t>
    </rPh>
    <rPh sb="37" eb="39">
      <t>ショリ</t>
    </rPh>
    <rPh sb="52" eb="54">
      <t>イカ</t>
    </rPh>
    <rPh sb="55" eb="57">
      <t>バアイ</t>
    </rPh>
    <rPh sb="58" eb="61">
      <t>ジュウヨウセイ</t>
    </rPh>
    <rPh sb="62" eb="63">
      <t>トボ</t>
    </rPh>
    <rPh sb="69" eb="71">
      <t>ツウジョウ</t>
    </rPh>
    <rPh sb="72" eb="75">
      <t>チンタイシャク</t>
    </rPh>
    <rPh sb="75" eb="77">
      <t>トリヒキ</t>
    </rPh>
    <rPh sb="78" eb="79">
      <t>カカ</t>
    </rPh>
    <rPh sb="80" eb="82">
      <t>ホウホウ</t>
    </rPh>
    <rPh sb="83" eb="84">
      <t>ジュン</t>
    </rPh>
    <rPh sb="86" eb="88">
      <t>カイケイ</t>
    </rPh>
    <rPh sb="88" eb="90">
      <t>ショリ</t>
    </rPh>
    <rPh sb="102" eb="105">
      <t>コウニュウジ</t>
    </rPh>
    <rPh sb="106" eb="108">
      <t>ヒヨウ</t>
    </rPh>
    <rPh sb="108" eb="110">
      <t>ショリ</t>
    </rPh>
    <rPh sb="113" eb="115">
      <t>シサン</t>
    </rPh>
    <rPh sb="116" eb="118">
      <t>ブッピン</t>
    </rPh>
    <rPh sb="125" eb="127">
      <t>マンエン</t>
    </rPh>
    <rPh sb="127" eb="129">
      <t>ミマン</t>
    </rPh>
    <rPh sb="134" eb="136">
      <t>タイショウ</t>
    </rPh>
    <rPh sb="142" eb="144">
      <t>トリヒキ</t>
    </rPh>
    <rPh sb="150" eb="152">
      <t>キカン</t>
    </rPh>
    <rPh sb="154" eb="155">
      <t>ネン</t>
    </rPh>
    <rPh sb="155" eb="157">
      <t>イナイ</t>
    </rPh>
    <rPh sb="161" eb="163">
      <t>トリヒキ</t>
    </rPh>
    <rPh sb="166" eb="169">
      <t>ショユウケン</t>
    </rPh>
    <rPh sb="169" eb="171">
      <t>イテン</t>
    </rPh>
    <rPh sb="171" eb="172">
      <t>ガイ</t>
    </rPh>
    <rPh sb="190" eb="192">
      <t>ケイヤク</t>
    </rPh>
    <rPh sb="193" eb="194">
      <t>ケン</t>
    </rPh>
    <rPh sb="194" eb="195">
      <t>ア</t>
    </rPh>
    <rPh sb="201" eb="202">
      <t>リョウ</t>
    </rPh>
    <rPh sb="202" eb="204">
      <t>ソウガク</t>
    </rPh>
    <rPh sb="208" eb="210">
      <t>マンエン</t>
    </rPh>
    <rPh sb="210" eb="212">
      <t>イカ</t>
    </rPh>
    <rPh sb="216" eb="218">
      <t>トリヒキ</t>
    </rPh>
    <phoneticPr fontId="1"/>
  </si>
  <si>
    <t>該当事項はありません。</t>
    <rPh sb="0" eb="2">
      <t>ガイトウ</t>
    </rPh>
    <rPh sb="2" eb="4">
      <t>ジコウ</t>
    </rPh>
    <phoneticPr fontId="1"/>
  </si>
  <si>
    <t>【出納整理期間の取扱い】
　財務諸表は、3月31日を基準日として作成しておりますが、地方自治法第235条の5に規定する翌年度5月31日の出納閉鎖までを出納整理期間とし、出納整理期間における歳入及び歳出並びにこれに伴う資産及び負債の増減等を反映した後の計数をもって会計年度末の計数としております。</t>
    <rPh sb="1" eb="3">
      <t>スイトウ</t>
    </rPh>
    <rPh sb="3" eb="5">
      <t>セイリ</t>
    </rPh>
    <rPh sb="5" eb="7">
      <t>キカン</t>
    </rPh>
    <rPh sb="8" eb="10">
      <t>トリアツカ</t>
    </rPh>
    <rPh sb="14" eb="16">
      <t>ザイム</t>
    </rPh>
    <rPh sb="16" eb="18">
      <t>ショヒョウ</t>
    </rPh>
    <rPh sb="21" eb="22">
      <t>ガツ</t>
    </rPh>
    <rPh sb="24" eb="25">
      <t>ニチ</t>
    </rPh>
    <rPh sb="26" eb="28">
      <t>キジュン</t>
    </rPh>
    <rPh sb="28" eb="29">
      <t>ビ</t>
    </rPh>
    <rPh sb="32" eb="34">
      <t>サクセイ</t>
    </rPh>
    <rPh sb="42" eb="44">
      <t>チホウ</t>
    </rPh>
    <rPh sb="44" eb="46">
      <t>ジチ</t>
    </rPh>
    <rPh sb="46" eb="47">
      <t>ホウ</t>
    </rPh>
    <rPh sb="47" eb="48">
      <t>ダイ</t>
    </rPh>
    <rPh sb="51" eb="52">
      <t>ジョウ</t>
    </rPh>
    <rPh sb="55" eb="57">
      <t>キテイ</t>
    </rPh>
    <rPh sb="59" eb="62">
      <t>ヨクネンド</t>
    </rPh>
    <rPh sb="63" eb="64">
      <t>ガツ</t>
    </rPh>
    <rPh sb="66" eb="67">
      <t>ニチ</t>
    </rPh>
    <rPh sb="68" eb="70">
      <t>スイトウ</t>
    </rPh>
    <rPh sb="70" eb="72">
      <t>ヘイサ</t>
    </rPh>
    <rPh sb="75" eb="77">
      <t>スイトウ</t>
    </rPh>
    <rPh sb="77" eb="79">
      <t>セイリ</t>
    </rPh>
    <rPh sb="79" eb="81">
      <t>キカン</t>
    </rPh>
    <rPh sb="84" eb="86">
      <t>スイトウ</t>
    </rPh>
    <rPh sb="86" eb="88">
      <t>セイリ</t>
    </rPh>
    <rPh sb="88" eb="90">
      <t>キカン</t>
    </rPh>
    <rPh sb="94" eb="96">
      <t>サイニュウ</t>
    </rPh>
    <rPh sb="96" eb="97">
      <t>オヨ</t>
    </rPh>
    <rPh sb="98" eb="100">
      <t>サイシュツ</t>
    </rPh>
    <rPh sb="100" eb="101">
      <t>ナラ</t>
    </rPh>
    <rPh sb="106" eb="107">
      <t>トモナ</t>
    </rPh>
    <rPh sb="108" eb="110">
      <t>シサン</t>
    </rPh>
    <rPh sb="110" eb="111">
      <t>オヨ</t>
    </rPh>
    <rPh sb="112" eb="114">
      <t>フサイ</t>
    </rPh>
    <rPh sb="115" eb="117">
      <t>ゾウゲン</t>
    </rPh>
    <rPh sb="117" eb="118">
      <t>トウ</t>
    </rPh>
    <rPh sb="119" eb="121">
      <t>ハンエイ</t>
    </rPh>
    <rPh sb="123" eb="124">
      <t>ノチ</t>
    </rPh>
    <rPh sb="125" eb="127">
      <t>ケイスウ</t>
    </rPh>
    <rPh sb="131" eb="133">
      <t>カイケイ</t>
    </rPh>
    <rPh sb="133" eb="135">
      <t>ネンド</t>
    </rPh>
    <rPh sb="135" eb="136">
      <t>マツ</t>
    </rPh>
    <rPh sb="137" eb="139">
      <t>ケイスウ</t>
    </rPh>
    <phoneticPr fontId="1"/>
  </si>
  <si>
    <t>【特別会計の廃止および事業再編に伴う損益】</t>
    <rPh sb="1" eb="3">
      <t>トクベツ</t>
    </rPh>
    <rPh sb="3" eb="5">
      <t>カイケイ</t>
    </rPh>
    <rPh sb="6" eb="8">
      <t>ハイシ</t>
    </rPh>
    <rPh sb="11" eb="13">
      <t>ジギョウ</t>
    </rPh>
    <rPh sb="13" eb="15">
      <t>サイヘン</t>
    </rPh>
    <rPh sb="16" eb="17">
      <t>トモナ</t>
    </rPh>
    <rPh sb="18" eb="20">
      <t>ソンエキ</t>
    </rPh>
    <phoneticPr fontId="1"/>
  </si>
  <si>
    <t>財務諸表に対する注記</t>
    <rPh sb="0" eb="2">
      <t>ザイム</t>
    </rPh>
    <rPh sb="2" eb="4">
      <t>ショヒョウ</t>
    </rPh>
    <rPh sb="5" eb="6">
      <t>タイ</t>
    </rPh>
    <rPh sb="8" eb="9">
      <t>チュウ</t>
    </rPh>
    <rPh sb="9" eb="10">
      <t>キ</t>
    </rPh>
    <phoneticPr fontId="1"/>
  </si>
  <si>
    <t>【時価のあるもの】
（１）満期保有目的の債券
　償却原価法（定額法）
（２）その他出資金
　年度末時点の市場価格に基づく時価法
　（評価差額は純資産直入法により処理し、売却原価は個別法により算定）
【時価のないもの】
　個別法による原価法（実質価額が著しく下落した場合は、実質価額）</t>
    <rPh sb="1" eb="3">
      <t>ジカ</t>
    </rPh>
    <rPh sb="13" eb="15">
      <t>マンキ</t>
    </rPh>
    <rPh sb="15" eb="17">
      <t>ホユウ</t>
    </rPh>
    <rPh sb="17" eb="19">
      <t>モクテキ</t>
    </rPh>
    <rPh sb="20" eb="22">
      <t>サイケン</t>
    </rPh>
    <rPh sb="24" eb="26">
      <t>ショウキャク</t>
    </rPh>
    <rPh sb="26" eb="29">
      <t>ゲンカホウ</t>
    </rPh>
    <rPh sb="30" eb="32">
      <t>テイガク</t>
    </rPh>
    <rPh sb="32" eb="33">
      <t>ホウ</t>
    </rPh>
    <rPh sb="40" eb="41">
      <t>タ</t>
    </rPh>
    <rPh sb="41" eb="44">
      <t>シュッシキン</t>
    </rPh>
    <rPh sb="46" eb="48">
      <t>ネンド</t>
    </rPh>
    <rPh sb="48" eb="49">
      <t>マツ</t>
    </rPh>
    <rPh sb="49" eb="51">
      <t>ジテン</t>
    </rPh>
    <rPh sb="52" eb="54">
      <t>シジョウ</t>
    </rPh>
    <rPh sb="54" eb="56">
      <t>カカク</t>
    </rPh>
    <rPh sb="57" eb="58">
      <t>モト</t>
    </rPh>
    <rPh sb="60" eb="62">
      <t>ジカ</t>
    </rPh>
    <rPh sb="62" eb="63">
      <t>ホウ</t>
    </rPh>
    <rPh sb="66" eb="68">
      <t>ヒョウカ</t>
    </rPh>
    <rPh sb="68" eb="70">
      <t>サガク</t>
    </rPh>
    <rPh sb="71" eb="74">
      <t>ジュンシサン</t>
    </rPh>
    <rPh sb="74" eb="76">
      <t>チョクニュウ</t>
    </rPh>
    <rPh sb="76" eb="77">
      <t>ホウ</t>
    </rPh>
    <rPh sb="80" eb="82">
      <t>ショリ</t>
    </rPh>
    <rPh sb="84" eb="86">
      <t>バイキャク</t>
    </rPh>
    <rPh sb="86" eb="88">
      <t>ゲンカ</t>
    </rPh>
    <rPh sb="89" eb="91">
      <t>コベツ</t>
    </rPh>
    <rPh sb="91" eb="92">
      <t>ホウ</t>
    </rPh>
    <rPh sb="95" eb="97">
      <t>サンテイ</t>
    </rPh>
    <rPh sb="100" eb="102">
      <t>ジカ</t>
    </rPh>
    <phoneticPr fontId="1"/>
  </si>
  <si>
    <t>債務保証又は損失補償に係る債務負担行為のうち、履行すべき額が未確定なものは次のとおりです。</t>
    <rPh sb="0" eb="2">
      <t>サイム</t>
    </rPh>
    <rPh sb="2" eb="4">
      <t>ホショウ</t>
    </rPh>
    <rPh sb="4" eb="5">
      <t>マタ</t>
    </rPh>
    <rPh sb="6" eb="8">
      <t>ソンシツ</t>
    </rPh>
    <rPh sb="8" eb="10">
      <t>ホショウ</t>
    </rPh>
    <rPh sb="11" eb="12">
      <t>カカ</t>
    </rPh>
    <rPh sb="13" eb="15">
      <t>サイム</t>
    </rPh>
    <rPh sb="15" eb="17">
      <t>フタン</t>
    </rPh>
    <rPh sb="17" eb="19">
      <t>コウイ</t>
    </rPh>
    <rPh sb="23" eb="25">
      <t>リコウ</t>
    </rPh>
    <rPh sb="28" eb="29">
      <t>ガク</t>
    </rPh>
    <rPh sb="30" eb="33">
      <t>ミカクテイ</t>
    </rPh>
    <rPh sb="37" eb="38">
      <t>ツギ</t>
    </rPh>
    <phoneticPr fontId="1"/>
  </si>
  <si>
    <t>　有形固定資産及び無形固定資産は取得原価から減価償却累計額を控除した価額をもって計上しております。減価償却の方法は次のとおりです。
（１）事業用資産及びインフラ資産
　定額法によっております。
　なお、主な耐用年数は次のとおりです。
　　建物　 ：14～50年
　　工作物：  7～60年
（２）重要物品
　定額法によっております。
　なお、主な耐用年数は次のとおりです。
　　機械器具類：2～15年
　　自動車　　　：3～ 8年</t>
    <rPh sb="16" eb="18">
      <t>シュトク</t>
    </rPh>
    <rPh sb="18" eb="20">
      <t>ゲンカ</t>
    </rPh>
    <rPh sb="22" eb="24">
      <t>ゲンカ</t>
    </rPh>
    <rPh sb="24" eb="26">
      <t>ショウキャク</t>
    </rPh>
    <rPh sb="26" eb="28">
      <t>ルイケイ</t>
    </rPh>
    <rPh sb="28" eb="29">
      <t>ガク</t>
    </rPh>
    <rPh sb="30" eb="32">
      <t>コウジョ</t>
    </rPh>
    <rPh sb="34" eb="35">
      <t>カ</t>
    </rPh>
    <rPh sb="35" eb="36">
      <t>ガク</t>
    </rPh>
    <rPh sb="40" eb="42">
      <t>ケイジョウ</t>
    </rPh>
    <rPh sb="49" eb="51">
      <t>ゲンカ</t>
    </rPh>
    <rPh sb="51" eb="53">
      <t>ショウキャク</t>
    </rPh>
    <rPh sb="54" eb="56">
      <t>ホウホウ</t>
    </rPh>
    <rPh sb="57" eb="58">
      <t>ツギ</t>
    </rPh>
    <rPh sb="69" eb="72">
      <t>ジギョウヨウ</t>
    </rPh>
    <rPh sb="72" eb="74">
      <t>シサン</t>
    </rPh>
    <rPh sb="74" eb="75">
      <t>オヨ</t>
    </rPh>
    <rPh sb="80" eb="82">
      <t>シサン</t>
    </rPh>
    <rPh sb="84" eb="86">
      <t>テイガク</t>
    </rPh>
    <rPh sb="86" eb="87">
      <t>ホウ</t>
    </rPh>
    <rPh sb="101" eb="102">
      <t>オモ</t>
    </rPh>
    <rPh sb="103" eb="105">
      <t>タイヨウ</t>
    </rPh>
    <rPh sb="105" eb="107">
      <t>ネンスウ</t>
    </rPh>
    <rPh sb="108" eb="109">
      <t>ツギ</t>
    </rPh>
    <rPh sb="119" eb="121">
      <t>タテモノ</t>
    </rPh>
    <rPh sb="129" eb="130">
      <t>ネン</t>
    </rPh>
    <rPh sb="133" eb="136">
      <t>コウサクブツ</t>
    </rPh>
    <rPh sb="143" eb="144">
      <t>ネン</t>
    </rPh>
    <rPh sb="148" eb="150">
      <t>ジュウヨウ</t>
    </rPh>
    <rPh sb="150" eb="152">
      <t>ブッピン</t>
    </rPh>
    <rPh sb="189" eb="191">
      <t>キカイ</t>
    </rPh>
    <rPh sb="191" eb="193">
      <t>キグ</t>
    </rPh>
    <rPh sb="193" eb="194">
      <t>ルイ</t>
    </rPh>
    <rPh sb="203" eb="206">
      <t>ジドウシャ</t>
    </rPh>
    <phoneticPr fontId="1"/>
  </si>
  <si>
    <t xml:space="preserve">（１）貸倒引当金
　債権等（債権、未収金およびそれらで基金に属するもの）の貸倒損失に備えるため、一般債権は貸倒実績率によって、貸倒懸念債権および破産更生債権等は個別に回収可能性を検討し回収不能見込額を計上しております。
（２）賞与引当金
　職員の期末・勤勉手当（共済費を含む）の支出に備えるため、支給見込額にもとづき当年度の負担相当額を計上しております。
（３）退職手当引当金
　職員の退職手当の支出に備えるため、年度末時点の全ての職員が自己都合退職した場合の退職手当支給見込み額を計上しております。
（４）損失補償等引当金
　債務保証契約又は損失補償契約に基づく債務の履行に係る損失に備えるため、地方公共団体の財政の健全化に関する法律（平成19年法律第94号）に規定する将来負担比率の算定に含めた損失補償債務等に係る一般会計等負担見込額を計上しております。
</t>
    <rPh sb="3" eb="5">
      <t>カシダオレ</t>
    </rPh>
    <rPh sb="5" eb="7">
      <t>ヒキアテ</t>
    </rPh>
    <rPh sb="7" eb="8">
      <t>キン</t>
    </rPh>
    <rPh sb="10" eb="12">
      <t>サイケン</t>
    </rPh>
    <rPh sb="12" eb="13">
      <t>トウ</t>
    </rPh>
    <rPh sb="14" eb="16">
      <t>サイケン</t>
    </rPh>
    <rPh sb="17" eb="20">
      <t>ミシュウキン</t>
    </rPh>
    <rPh sb="27" eb="29">
      <t>キキン</t>
    </rPh>
    <rPh sb="30" eb="31">
      <t>ゾク</t>
    </rPh>
    <rPh sb="37" eb="39">
      <t>カシダオレ</t>
    </rPh>
    <rPh sb="39" eb="41">
      <t>ソンシツ</t>
    </rPh>
    <rPh sb="42" eb="43">
      <t>ソナ</t>
    </rPh>
    <rPh sb="48" eb="50">
      <t>イッパン</t>
    </rPh>
    <rPh sb="50" eb="52">
      <t>サイケン</t>
    </rPh>
    <rPh sb="53" eb="55">
      <t>カシダオレ</t>
    </rPh>
    <rPh sb="55" eb="57">
      <t>ジッセキ</t>
    </rPh>
    <rPh sb="57" eb="58">
      <t>リツ</t>
    </rPh>
    <rPh sb="63" eb="65">
      <t>カシダオレ</t>
    </rPh>
    <rPh sb="65" eb="67">
      <t>ケネン</t>
    </rPh>
    <rPh sb="67" eb="69">
      <t>サイケン</t>
    </rPh>
    <rPh sb="72" eb="74">
      <t>ハサン</t>
    </rPh>
    <rPh sb="74" eb="76">
      <t>コウセイ</t>
    </rPh>
    <rPh sb="76" eb="78">
      <t>サイケン</t>
    </rPh>
    <rPh sb="78" eb="79">
      <t>トウ</t>
    </rPh>
    <rPh sb="80" eb="82">
      <t>コベツ</t>
    </rPh>
    <rPh sb="83" eb="85">
      <t>カイシュウ</t>
    </rPh>
    <rPh sb="100" eb="102">
      <t>ケイジョウ</t>
    </rPh>
    <rPh sb="113" eb="115">
      <t>ショウヨ</t>
    </rPh>
    <rPh sb="115" eb="117">
      <t>ヒキアテ</t>
    </rPh>
    <rPh sb="117" eb="118">
      <t>キン</t>
    </rPh>
    <rPh sb="120" eb="122">
      <t>ショクイン</t>
    </rPh>
    <rPh sb="126" eb="128">
      <t>キンベン</t>
    </rPh>
    <rPh sb="128" eb="130">
      <t>テアテ</t>
    </rPh>
    <rPh sb="131" eb="133">
      <t>キョウサイ</t>
    </rPh>
    <rPh sb="133" eb="134">
      <t>ヒ</t>
    </rPh>
    <rPh sb="135" eb="136">
      <t>フク</t>
    </rPh>
    <rPh sb="139" eb="141">
      <t>シシュツ</t>
    </rPh>
    <rPh sb="142" eb="143">
      <t>ソナ</t>
    </rPh>
    <rPh sb="148" eb="150">
      <t>シキュウ</t>
    </rPh>
    <rPh sb="150" eb="152">
      <t>ミコミ</t>
    </rPh>
    <rPh sb="152" eb="153">
      <t>ガク</t>
    </rPh>
    <rPh sb="158" eb="161">
      <t>トウネンド</t>
    </rPh>
    <rPh sb="162" eb="164">
      <t>フタン</t>
    </rPh>
    <rPh sb="164" eb="166">
      <t>ソウトウ</t>
    </rPh>
    <rPh sb="166" eb="167">
      <t>ガク</t>
    </rPh>
    <rPh sb="168" eb="170">
      <t>ケイジョウ</t>
    </rPh>
    <rPh sb="190" eb="192">
      <t>ショクイン</t>
    </rPh>
    <rPh sb="193" eb="195">
      <t>タイショク</t>
    </rPh>
    <rPh sb="195" eb="197">
      <t>テアテ</t>
    </rPh>
    <rPh sb="198" eb="200">
      <t>シシュツ</t>
    </rPh>
    <rPh sb="201" eb="202">
      <t>ソナ</t>
    </rPh>
    <rPh sb="264" eb="266">
      <t>サイム</t>
    </rPh>
    <rPh sb="266" eb="268">
      <t>ホショウ</t>
    </rPh>
    <rPh sb="268" eb="270">
      <t>ケイヤク</t>
    </rPh>
    <rPh sb="270" eb="271">
      <t>マタ</t>
    </rPh>
    <rPh sb="272" eb="274">
      <t>ソンシツ</t>
    </rPh>
    <rPh sb="274" eb="276">
      <t>ホショウ</t>
    </rPh>
    <rPh sb="276" eb="278">
      <t>ケイヤク</t>
    </rPh>
    <rPh sb="279" eb="280">
      <t>モト</t>
    </rPh>
    <rPh sb="282" eb="284">
      <t>サイム</t>
    </rPh>
    <rPh sb="285" eb="287">
      <t>リコウ</t>
    </rPh>
    <rPh sb="288" eb="289">
      <t>カカ</t>
    </rPh>
    <rPh sb="290" eb="292">
      <t>ソンシツ</t>
    </rPh>
    <rPh sb="293" eb="294">
      <t>ソナ</t>
    </rPh>
    <rPh sb="332" eb="334">
      <t>キテイ</t>
    </rPh>
    <rPh sb="357" eb="358">
      <t>カカ</t>
    </rPh>
    <rPh sb="359" eb="361">
      <t>イッパン</t>
    </rPh>
    <rPh sb="361" eb="363">
      <t>カイケイ</t>
    </rPh>
    <rPh sb="363" eb="364">
      <t>トウ</t>
    </rPh>
    <rPh sb="364" eb="366">
      <t>フタン</t>
    </rPh>
    <rPh sb="366" eb="368">
      <t>ミコ</t>
    </rPh>
    <rPh sb="368" eb="369">
      <t>ガク</t>
    </rPh>
    <phoneticPr fontId="1"/>
  </si>
  <si>
    <t>　キャッシュ・フロー計算書における資金は、「歳計現金」および「歳計外現金」としております。</t>
    <rPh sb="10" eb="13">
      <t>ケイサンショ</t>
    </rPh>
    <rPh sb="17" eb="19">
      <t>シキン</t>
    </rPh>
    <rPh sb="22" eb="24">
      <t>サイケイ</t>
    </rPh>
    <rPh sb="24" eb="26">
      <t>ゲンキン</t>
    </rPh>
    <rPh sb="31" eb="33">
      <t>サイケイ</t>
    </rPh>
    <rPh sb="33" eb="34">
      <t>ガイ</t>
    </rPh>
    <rPh sb="34" eb="36">
      <t>ゲンキン</t>
    </rPh>
    <phoneticPr fontId="1"/>
  </si>
  <si>
    <t>４．追加情報</t>
    <rPh sb="2" eb="4">
      <t>ツイカ</t>
    </rPh>
    <rPh sb="4" eb="6">
      <t>ジョウホウ</t>
    </rPh>
    <phoneticPr fontId="1"/>
  </si>
  <si>
    <t>・土地先行取得事業会計が廃止されたことに伴い諸資産・諸負債を受け入れ、51,885百万円の特別損失および33,316百万円の特別利益を計上しております。</t>
    <rPh sb="1" eb="3">
      <t>トチ</t>
    </rPh>
    <rPh sb="3" eb="5">
      <t>センコウ</t>
    </rPh>
    <rPh sb="5" eb="7">
      <t>シュトク</t>
    </rPh>
    <rPh sb="7" eb="9">
      <t>ジギョウ</t>
    </rPh>
    <rPh sb="9" eb="11">
      <t>カイケイ</t>
    </rPh>
    <rPh sb="12" eb="14">
      <t>ハイシ</t>
    </rPh>
    <rPh sb="20" eb="21">
      <t>トモナ</t>
    </rPh>
    <rPh sb="22" eb="23">
      <t>ショ</t>
    </rPh>
    <rPh sb="23" eb="25">
      <t>シサン</t>
    </rPh>
    <rPh sb="26" eb="27">
      <t>ショ</t>
    </rPh>
    <rPh sb="27" eb="29">
      <t>フサイ</t>
    </rPh>
    <rPh sb="30" eb="31">
      <t>ウ</t>
    </rPh>
    <rPh sb="32" eb="33">
      <t>イ</t>
    </rPh>
    <rPh sb="41" eb="44">
      <t>ヒャクマンエン</t>
    </rPh>
    <rPh sb="45" eb="47">
      <t>トクベツ</t>
    </rPh>
    <rPh sb="47" eb="49">
      <t>ソンシツ</t>
    </rPh>
    <rPh sb="58" eb="61">
      <t>ヒャクマンエン</t>
    </rPh>
    <rPh sb="62" eb="64">
      <t>トクベツ</t>
    </rPh>
    <rPh sb="64" eb="66">
      <t>リエキ</t>
    </rPh>
    <rPh sb="67" eb="69">
      <t>ケイジョウ</t>
    </rPh>
    <phoneticPr fontId="1"/>
  </si>
  <si>
    <t>・市街地再開発事業会計が廃止されたことに伴い諸資産・諸負債を受け入れ、62,565百万円の特別損失を計上しております。</t>
    <rPh sb="1" eb="4">
      <t>シガイチ</t>
    </rPh>
    <rPh sb="4" eb="5">
      <t>サイ</t>
    </rPh>
    <rPh sb="5" eb="7">
      <t>カイハツ</t>
    </rPh>
    <rPh sb="7" eb="9">
      <t>ジギョウ</t>
    </rPh>
    <rPh sb="9" eb="11">
      <t>カイケイ</t>
    </rPh>
    <rPh sb="12" eb="14">
      <t>ハイシ</t>
    </rPh>
    <rPh sb="20" eb="21">
      <t>トモナ</t>
    </rPh>
    <rPh sb="41" eb="44">
      <t>ヒャクマンエン</t>
    </rPh>
    <rPh sb="45" eb="47">
      <t>トクベツ</t>
    </rPh>
    <rPh sb="47" eb="49">
      <t>ソンシツ</t>
    </rPh>
    <rPh sb="50" eb="52">
      <t>ケイジョウ</t>
    </rPh>
    <phoneticPr fontId="1"/>
  </si>
  <si>
    <t>・大阪府営住宅の大阪市への移管に伴い諸資産・諸負債を受け入れ、73,553百万円の特別利益を計上しております。</t>
    <rPh sb="1" eb="3">
      <t>オオサカ</t>
    </rPh>
    <rPh sb="3" eb="5">
      <t>フエイ</t>
    </rPh>
    <rPh sb="5" eb="7">
      <t>ジュウタク</t>
    </rPh>
    <rPh sb="8" eb="11">
      <t>オオサカシ</t>
    </rPh>
    <rPh sb="13" eb="15">
      <t>イカン</t>
    </rPh>
    <rPh sb="16" eb="17">
      <t>トモナ</t>
    </rPh>
    <rPh sb="37" eb="40">
      <t>ヒャクマンエン</t>
    </rPh>
    <rPh sb="41" eb="43">
      <t>トクベツ</t>
    </rPh>
    <rPh sb="43" eb="45">
      <t>リエキ</t>
    </rPh>
    <rPh sb="46" eb="48">
      <t>ケイジョウ</t>
    </rPh>
    <phoneticPr fontId="1"/>
  </si>
  <si>
    <t>第三セクター等</t>
    <rPh sb="0" eb="2">
      <t>ダイサン</t>
    </rPh>
    <rPh sb="6" eb="7">
      <t>トウ</t>
    </rPh>
    <phoneticPr fontId="1"/>
  </si>
  <si>
    <t>共同発行地方債</t>
    <rPh sb="0" eb="2">
      <t>キョウドウ</t>
    </rPh>
    <rPh sb="2" eb="4">
      <t>ハッコウ</t>
    </rPh>
    <rPh sb="4" eb="7">
      <t>チホウサイ</t>
    </rPh>
    <phoneticPr fontId="1"/>
  </si>
  <si>
    <t>（単位：百万円）</t>
    <rPh sb="1" eb="3">
      <t>タンイ</t>
    </rPh>
    <rPh sb="4" eb="6">
      <t>ヒャクマン</t>
    </rPh>
    <rPh sb="6" eb="7">
      <t>エン</t>
    </rPh>
    <phoneticPr fontId="1"/>
  </si>
  <si>
    <t>資産科目</t>
    <rPh sb="0" eb="2">
      <t>シサン</t>
    </rPh>
    <rPh sb="2" eb="4">
      <t>カモク</t>
    </rPh>
    <phoneticPr fontId="1"/>
  </si>
  <si>
    <t>範囲及び評価方法</t>
    <rPh sb="0" eb="2">
      <t>ハンイ</t>
    </rPh>
    <rPh sb="2" eb="3">
      <t>オヨ</t>
    </rPh>
    <rPh sb="4" eb="6">
      <t>ヒョウカ</t>
    </rPh>
    <rPh sb="6" eb="8">
      <t>ホウホウ</t>
    </rPh>
    <phoneticPr fontId="1"/>
  </si>
  <si>
    <t>事業等の活用見込みがなく処分を検討することが適当と判断されるもの
正面相続税路線価に地籍を乗じた額</t>
    <rPh sb="0" eb="2">
      <t>ジギョウ</t>
    </rPh>
    <rPh sb="2" eb="3">
      <t>トウ</t>
    </rPh>
    <rPh sb="4" eb="6">
      <t>カツヨウ</t>
    </rPh>
    <rPh sb="6" eb="8">
      <t>ミコミ</t>
    </rPh>
    <rPh sb="12" eb="14">
      <t>ショブン</t>
    </rPh>
    <rPh sb="15" eb="17">
      <t>ケントウ</t>
    </rPh>
    <rPh sb="22" eb="24">
      <t>テキトウ</t>
    </rPh>
    <rPh sb="25" eb="27">
      <t>ハンダン</t>
    </rPh>
    <rPh sb="33" eb="35">
      <t>ショウメン</t>
    </rPh>
    <rPh sb="35" eb="37">
      <t>ソウゾク</t>
    </rPh>
    <rPh sb="37" eb="38">
      <t>ゼイ</t>
    </rPh>
    <rPh sb="38" eb="41">
      <t>ロセンカ</t>
    </rPh>
    <rPh sb="42" eb="44">
      <t>チセキ</t>
    </rPh>
    <rPh sb="45" eb="46">
      <t>ジョウ</t>
    </rPh>
    <rPh sb="48" eb="49">
      <t>ガク</t>
    </rPh>
    <phoneticPr fontId="1"/>
  </si>
  <si>
    <t>（単位：百万円）</t>
    <phoneticPr fontId="1"/>
  </si>
  <si>
    <t>・ごみ焼却処理事業の一部事務組合への移管に伴い諸資産・諸負債を引渡し、49,526百万円の特別損失を計上しております。</t>
    <rPh sb="3" eb="5">
      <t>ショウキャク</t>
    </rPh>
    <rPh sb="5" eb="7">
      <t>ショリ</t>
    </rPh>
    <rPh sb="7" eb="9">
      <t>ジギョウ</t>
    </rPh>
    <rPh sb="10" eb="12">
      <t>イチブ</t>
    </rPh>
    <rPh sb="12" eb="14">
      <t>ジム</t>
    </rPh>
    <rPh sb="14" eb="16">
      <t>クミアイ</t>
    </rPh>
    <rPh sb="18" eb="20">
      <t>イカン</t>
    </rPh>
    <rPh sb="21" eb="22">
      <t>トモナ</t>
    </rPh>
    <rPh sb="31" eb="33">
      <t>ヒキワタシ</t>
    </rPh>
    <rPh sb="41" eb="44">
      <t>ヒャクマンエン</t>
    </rPh>
    <rPh sb="45" eb="47">
      <t>トクベツ</t>
    </rPh>
    <rPh sb="47" eb="49">
      <t>ソンシツ</t>
    </rPh>
    <rPh sb="50" eb="52">
      <t>ケイジョウ</t>
    </rPh>
    <phoneticPr fontId="1"/>
  </si>
  <si>
    <t>＊基金として保有する資産を含んでおります。</t>
    <rPh sb="1" eb="3">
      <t>キキン</t>
    </rPh>
    <rPh sb="6" eb="8">
      <t>ホユウ</t>
    </rPh>
    <rPh sb="10" eb="12">
      <t>シサン</t>
    </rPh>
    <rPh sb="13" eb="14">
      <t>フク</t>
    </rPh>
    <phoneticPr fontId="1"/>
  </si>
  <si>
    <t>一般会計等</t>
    <rPh sb="4" eb="5">
      <t>ナド</t>
    </rPh>
    <phoneticPr fontId="1"/>
  </si>
  <si>
    <t>【道路、河川及び水路の敷地の取扱い】</t>
    <rPh sb="1" eb="3">
      <t>ドウロ</t>
    </rPh>
    <rPh sb="4" eb="6">
      <t>カセン</t>
    </rPh>
    <rPh sb="6" eb="7">
      <t>オヨ</t>
    </rPh>
    <rPh sb="8" eb="10">
      <t>スイロ</t>
    </rPh>
    <rPh sb="11" eb="13">
      <t>シキチ</t>
    </rPh>
    <rPh sb="14" eb="16">
      <t>トリアツカ</t>
    </rPh>
    <phoneticPr fontId="1"/>
  </si>
  <si>
    <t>・昭和59年度以前に取得及び無償所管替えにより取得した道路、河川及び水路の敷地について、大阪市基準に基づく計上</t>
    <rPh sb="1" eb="3">
      <t>ショウワ</t>
    </rPh>
    <rPh sb="5" eb="7">
      <t>ネンド</t>
    </rPh>
    <rPh sb="7" eb="9">
      <t>イゼン</t>
    </rPh>
    <rPh sb="10" eb="12">
      <t>シュトク</t>
    </rPh>
    <rPh sb="12" eb="13">
      <t>オヨ</t>
    </rPh>
    <rPh sb="14" eb="16">
      <t>ムショウ</t>
    </rPh>
    <rPh sb="16" eb="18">
      <t>ショカン</t>
    </rPh>
    <rPh sb="18" eb="19">
      <t>ガ</t>
    </rPh>
    <rPh sb="23" eb="25">
      <t>シュトク</t>
    </rPh>
    <rPh sb="44" eb="47">
      <t>オオサカシ</t>
    </rPh>
    <rPh sb="47" eb="49">
      <t>キジュン</t>
    </rPh>
    <rPh sb="50" eb="51">
      <t>モト</t>
    </rPh>
    <rPh sb="53" eb="55">
      <t>ケイジョウ</t>
    </rPh>
    <phoneticPr fontId="1"/>
  </si>
  <si>
    <t>をしていることによる影響額は以下のとおりです。</t>
    <rPh sb="10" eb="13">
      <t>エイキョウガク</t>
    </rPh>
    <rPh sb="14" eb="16">
      <t>イカ</t>
    </rPh>
    <phoneticPr fontId="1"/>
  </si>
  <si>
    <t>インフラ資産</t>
    <rPh sb="4" eb="6">
      <t>シサン</t>
    </rPh>
    <phoneticPr fontId="1"/>
  </si>
  <si>
    <t>財務諸表計上額</t>
    <rPh sb="0" eb="2">
      <t>ザイム</t>
    </rPh>
    <rPh sb="2" eb="4">
      <t>ショヒョウ</t>
    </rPh>
    <rPh sb="4" eb="6">
      <t>ケイジョウ</t>
    </rPh>
    <rPh sb="6" eb="7">
      <t>ガク</t>
    </rPh>
    <phoneticPr fontId="1"/>
  </si>
  <si>
    <t>大阪市基準による影響額</t>
    <rPh sb="0" eb="3">
      <t>オオサカシ</t>
    </rPh>
    <rPh sb="3" eb="5">
      <t>キジュン</t>
    </rPh>
    <rPh sb="8" eb="11">
      <t>エイキョウガク</t>
    </rPh>
    <phoneticPr fontId="1"/>
  </si>
  <si>
    <t>統一的な基準に基づく計上額</t>
    <rPh sb="0" eb="3">
      <t>トウイツテキ</t>
    </rPh>
    <rPh sb="4" eb="6">
      <t>キジュン</t>
    </rPh>
    <rPh sb="7" eb="8">
      <t>モト</t>
    </rPh>
    <rPh sb="10" eb="12">
      <t>ケイジョウ</t>
    </rPh>
    <rPh sb="12" eb="13">
      <t>ガク</t>
    </rPh>
    <phoneticPr fontId="1"/>
  </si>
  <si>
    <t>表中の金額は100万円未満を四捨五入していますので、内訳と合計が一致しない場合があります</t>
    <rPh sb="0" eb="2">
      <t>ヒョウチュウ</t>
    </rPh>
    <rPh sb="3" eb="5">
      <t>キンガク</t>
    </rPh>
    <rPh sb="9" eb="11">
      <t>マンエン</t>
    </rPh>
    <rPh sb="11" eb="13">
      <t>ミマン</t>
    </rPh>
    <rPh sb="14" eb="15">
      <t>ヨン</t>
    </rPh>
    <rPh sb="15" eb="16">
      <t>ス</t>
    </rPh>
    <rPh sb="16" eb="18">
      <t>ゴニュウ</t>
    </rPh>
    <rPh sb="26" eb="28">
      <t>ウチワケ</t>
    </rPh>
    <rPh sb="29" eb="31">
      <t>ゴウケイ</t>
    </rPh>
    <rPh sb="32" eb="34">
      <t>イッチ</t>
    </rPh>
    <rPh sb="37" eb="39">
      <t>バアイ</t>
    </rPh>
    <phoneticPr fontId="1"/>
  </si>
  <si>
    <t>１．追加情報</t>
    <rPh sb="2" eb="4">
      <t>ツイカ</t>
    </rPh>
    <rPh sb="4" eb="6">
      <t>ジョウホウ</t>
    </rPh>
    <phoneticPr fontId="1"/>
  </si>
  <si>
    <t>連結</t>
    <rPh sb="0" eb="2">
      <t>レンケツ</t>
    </rPh>
    <phoneticPr fontId="1"/>
  </si>
  <si>
    <t>【事業再編に伴う損益】</t>
    <rPh sb="1" eb="3">
      <t>ジギョウ</t>
    </rPh>
    <rPh sb="3" eb="5">
      <t>サイヘン</t>
    </rPh>
    <rPh sb="6" eb="7">
      <t>トモナ</t>
    </rPh>
    <rPh sb="8" eb="10">
      <t>ソンエキ</t>
    </rPh>
    <phoneticPr fontId="1"/>
  </si>
  <si>
    <t>一般会計</t>
    <rPh sb="0" eb="2">
      <t>イッパン</t>
    </rPh>
    <rPh sb="2" eb="4">
      <t>カイケイ</t>
    </rPh>
    <phoneticPr fontId="1"/>
  </si>
  <si>
    <t>区分</t>
    <rPh sb="0" eb="2">
      <t>クブン</t>
    </rPh>
    <phoneticPr fontId="1"/>
  </si>
  <si>
    <t>会計名称</t>
    <rPh sb="0" eb="2">
      <t>カイケイ</t>
    </rPh>
    <rPh sb="2" eb="4">
      <t>メイショウ</t>
    </rPh>
    <phoneticPr fontId="1"/>
  </si>
  <si>
    <t>食肉事業会計</t>
    <rPh sb="0" eb="2">
      <t>ショクニク</t>
    </rPh>
    <rPh sb="2" eb="4">
      <t>ジギョウ</t>
    </rPh>
    <rPh sb="4" eb="6">
      <t>カイケイ</t>
    </rPh>
    <phoneticPr fontId="1"/>
  </si>
  <si>
    <t>駐車場事業会計</t>
    <rPh sb="0" eb="3">
      <t>チュウシャジョウ</t>
    </rPh>
    <rPh sb="3" eb="5">
      <t>ジギョウ</t>
    </rPh>
    <rPh sb="5" eb="7">
      <t>カイケイ</t>
    </rPh>
    <phoneticPr fontId="1"/>
  </si>
  <si>
    <t>母子父子寡婦福祉貸付資金会計</t>
    <rPh sb="0" eb="2">
      <t>ボシ</t>
    </rPh>
    <rPh sb="2" eb="4">
      <t>フシ</t>
    </rPh>
    <rPh sb="4" eb="6">
      <t>カフ</t>
    </rPh>
    <rPh sb="6" eb="8">
      <t>フクシ</t>
    </rPh>
    <rPh sb="8" eb="10">
      <t>カシツケ</t>
    </rPh>
    <rPh sb="10" eb="12">
      <t>シキン</t>
    </rPh>
    <rPh sb="12" eb="14">
      <t>カイケイ</t>
    </rPh>
    <phoneticPr fontId="1"/>
  </si>
  <si>
    <t>国民健康保険事業会計</t>
    <rPh sb="0" eb="2">
      <t>コクミン</t>
    </rPh>
    <rPh sb="2" eb="4">
      <t>ケンコウ</t>
    </rPh>
    <rPh sb="4" eb="6">
      <t>ホケン</t>
    </rPh>
    <rPh sb="6" eb="8">
      <t>ジギョウ</t>
    </rPh>
    <rPh sb="8" eb="10">
      <t>カイケイ</t>
    </rPh>
    <phoneticPr fontId="1"/>
  </si>
  <si>
    <t>心身障害者扶養共済事業会計</t>
    <rPh sb="0" eb="2">
      <t>シンシン</t>
    </rPh>
    <rPh sb="2" eb="5">
      <t>ショウガイシャ</t>
    </rPh>
    <rPh sb="5" eb="7">
      <t>フヨウ</t>
    </rPh>
    <rPh sb="7" eb="9">
      <t>キョウサイ</t>
    </rPh>
    <rPh sb="9" eb="11">
      <t>ジギョウ</t>
    </rPh>
    <rPh sb="11" eb="13">
      <t>カイケイ</t>
    </rPh>
    <phoneticPr fontId="1"/>
  </si>
  <si>
    <t>介護保険事業会計</t>
    <rPh sb="0" eb="2">
      <t>カイゴ</t>
    </rPh>
    <rPh sb="2" eb="4">
      <t>ホケン</t>
    </rPh>
    <rPh sb="4" eb="6">
      <t>ジギョウ</t>
    </rPh>
    <rPh sb="6" eb="8">
      <t>カイケイ</t>
    </rPh>
    <phoneticPr fontId="1"/>
  </si>
  <si>
    <t>後期高齢者医療事業会計</t>
    <rPh sb="0" eb="2">
      <t>コウキ</t>
    </rPh>
    <rPh sb="2" eb="5">
      <t>コウレイシャ</t>
    </rPh>
    <rPh sb="5" eb="11">
      <t>イリョウジギョウカイケイ</t>
    </rPh>
    <phoneticPr fontId="1"/>
  </si>
  <si>
    <t>市街地再開発事業会計</t>
    <rPh sb="0" eb="3">
      <t>シガイチ</t>
    </rPh>
    <rPh sb="3" eb="6">
      <t>サイカイハツ</t>
    </rPh>
    <rPh sb="6" eb="8">
      <t>ジギョウ</t>
    </rPh>
    <rPh sb="8" eb="10">
      <t>カイケイ</t>
    </rPh>
    <phoneticPr fontId="1"/>
  </si>
  <si>
    <t>土地先行取得事業会計</t>
    <rPh sb="0" eb="2">
      <t>トチ</t>
    </rPh>
    <rPh sb="2" eb="4">
      <t>センコウ</t>
    </rPh>
    <rPh sb="4" eb="6">
      <t>シュトク</t>
    </rPh>
    <rPh sb="6" eb="8">
      <t>ジギョウ</t>
    </rPh>
    <rPh sb="8" eb="10">
      <t>カイケイ</t>
    </rPh>
    <phoneticPr fontId="1"/>
  </si>
  <si>
    <t>中央卸売市場事業会計</t>
    <rPh sb="0" eb="2">
      <t>チュウオウ</t>
    </rPh>
    <rPh sb="2" eb="4">
      <t>オロシウリ</t>
    </rPh>
    <rPh sb="4" eb="6">
      <t>シジョウ</t>
    </rPh>
    <rPh sb="6" eb="8">
      <t>ジギョウ</t>
    </rPh>
    <rPh sb="8" eb="10">
      <t>カイケイ</t>
    </rPh>
    <phoneticPr fontId="1"/>
  </si>
  <si>
    <t>港営事業会計</t>
    <rPh sb="0" eb="1">
      <t>ミナト</t>
    </rPh>
    <rPh sb="1" eb="2">
      <t>エイ</t>
    </rPh>
    <rPh sb="2" eb="4">
      <t>ジギョウ</t>
    </rPh>
    <rPh sb="4" eb="6">
      <t>カイケイ</t>
    </rPh>
    <phoneticPr fontId="1"/>
  </si>
  <si>
    <t>下水道事業会計</t>
    <rPh sb="0" eb="3">
      <t>ゲスイドウ</t>
    </rPh>
    <rPh sb="3" eb="5">
      <t>ジギョウ</t>
    </rPh>
    <rPh sb="5" eb="7">
      <t>カイケイ</t>
    </rPh>
    <phoneticPr fontId="1"/>
  </si>
  <si>
    <t>自動車運送事業会計</t>
    <rPh sb="0" eb="3">
      <t>ジドウシャ</t>
    </rPh>
    <rPh sb="3" eb="5">
      <t>ウンソウ</t>
    </rPh>
    <rPh sb="5" eb="7">
      <t>ジギョウ</t>
    </rPh>
    <rPh sb="7" eb="9">
      <t>カイケイ</t>
    </rPh>
    <phoneticPr fontId="1"/>
  </si>
  <si>
    <t>高速鉄道事業会計</t>
    <rPh sb="0" eb="2">
      <t>コウソク</t>
    </rPh>
    <rPh sb="2" eb="4">
      <t>テツドウ</t>
    </rPh>
    <rPh sb="4" eb="6">
      <t>ジギョウ</t>
    </rPh>
    <rPh sb="6" eb="8">
      <t>カイケイ</t>
    </rPh>
    <phoneticPr fontId="1"/>
  </si>
  <si>
    <t>水道事業会計</t>
    <rPh sb="0" eb="2">
      <t>スイドウ</t>
    </rPh>
    <rPh sb="2" eb="4">
      <t>ジギョウ</t>
    </rPh>
    <rPh sb="4" eb="6">
      <t>カイケイ</t>
    </rPh>
    <phoneticPr fontId="1"/>
  </si>
  <si>
    <t>工業用水道事業会計</t>
    <rPh sb="0" eb="3">
      <t>コウギョウヨウ</t>
    </rPh>
    <rPh sb="3" eb="5">
      <t>スイドウ</t>
    </rPh>
    <rPh sb="5" eb="7">
      <t>ジギョウ</t>
    </rPh>
    <rPh sb="7" eb="9">
      <t>カイケイ</t>
    </rPh>
    <phoneticPr fontId="1"/>
  </si>
  <si>
    <t>公債費会計</t>
    <rPh sb="0" eb="2">
      <t>コウサイ</t>
    </rPh>
    <rPh sb="2" eb="3">
      <t>ヒ</t>
    </rPh>
    <rPh sb="3" eb="5">
      <t>カイケイ</t>
    </rPh>
    <phoneticPr fontId="1"/>
  </si>
  <si>
    <t>準公営企業
会計</t>
    <rPh sb="0" eb="1">
      <t>ジュン</t>
    </rPh>
    <rPh sb="1" eb="3">
      <t>コウエイ</t>
    </rPh>
    <rPh sb="3" eb="5">
      <t>キギョウ</t>
    </rPh>
    <rPh sb="6" eb="8">
      <t>カイケイ</t>
    </rPh>
    <phoneticPr fontId="1"/>
  </si>
  <si>
    <t>公営企業
会計</t>
    <rPh sb="0" eb="2">
      <t>コウエイ</t>
    </rPh>
    <rPh sb="2" eb="4">
      <t>キギョウ</t>
    </rPh>
    <rPh sb="5" eb="7">
      <t>カイケイ</t>
    </rPh>
    <phoneticPr fontId="1"/>
  </si>
  <si>
    <t>会計・法人名等</t>
    <rPh sb="0" eb="2">
      <t>カイケイ</t>
    </rPh>
    <rPh sb="3" eb="5">
      <t>ホウジン</t>
    </rPh>
    <rPh sb="5" eb="6">
      <t>メイ</t>
    </rPh>
    <rPh sb="6" eb="7">
      <t>トウ</t>
    </rPh>
    <phoneticPr fontId="1"/>
  </si>
  <si>
    <t>資本金等
（百万円）</t>
    <rPh sb="0" eb="3">
      <t>シホンキン</t>
    </rPh>
    <rPh sb="3" eb="4">
      <t>トウ</t>
    </rPh>
    <rPh sb="6" eb="8">
      <t>ヒャクマン</t>
    </rPh>
    <rPh sb="8" eb="9">
      <t>エン</t>
    </rPh>
    <phoneticPr fontId="1"/>
  </si>
  <si>
    <t>政令等
特別会計</t>
    <rPh sb="0" eb="2">
      <t>セイレイ</t>
    </rPh>
    <rPh sb="2" eb="3">
      <t>トウ</t>
    </rPh>
    <rPh sb="4" eb="6">
      <t>トクベツ</t>
    </rPh>
    <rPh sb="6" eb="8">
      <t>カイケイ</t>
    </rPh>
    <phoneticPr fontId="1"/>
  </si>
  <si>
    <t>一部事務組合</t>
    <rPh sb="0" eb="2">
      <t>イチブ</t>
    </rPh>
    <rPh sb="2" eb="4">
      <t>ジム</t>
    </rPh>
    <rPh sb="4" eb="6">
      <t>クミアイ</t>
    </rPh>
    <phoneticPr fontId="1"/>
  </si>
  <si>
    <t>淀川右岸水防事務組合</t>
  </si>
  <si>
    <t>淀川左岸水防事務組合</t>
  </si>
  <si>
    <t>大和川右岸水防事務組合</t>
    <phoneticPr fontId="1"/>
  </si>
  <si>
    <t>大阪市・八尾市・松原市環境施設組合</t>
    <phoneticPr fontId="1"/>
  </si>
  <si>
    <t>広域連合</t>
    <rPh sb="0" eb="2">
      <t>コウイキ</t>
    </rPh>
    <rPh sb="2" eb="4">
      <t>レンゴウ</t>
    </rPh>
    <phoneticPr fontId="1"/>
  </si>
  <si>
    <t>関西広域連合</t>
    <rPh sb="0" eb="2">
      <t>カンサイ</t>
    </rPh>
    <rPh sb="2" eb="4">
      <t>コウイキ</t>
    </rPh>
    <rPh sb="4" eb="6">
      <t>レンゴウ</t>
    </rPh>
    <phoneticPr fontId="1"/>
  </si>
  <si>
    <t>大阪府後期高齢者医療広域連合</t>
    <phoneticPr fontId="1"/>
  </si>
  <si>
    <t>地方独立
行政法人</t>
    <rPh sb="0" eb="2">
      <t>チホウ</t>
    </rPh>
    <rPh sb="2" eb="4">
      <t>ドクリツ</t>
    </rPh>
    <rPh sb="5" eb="7">
      <t>ギョウセイ</t>
    </rPh>
    <rPh sb="7" eb="9">
      <t>ホウジン</t>
    </rPh>
    <phoneticPr fontId="1"/>
  </si>
  <si>
    <t>（公大）大阪市立大学</t>
    <rPh sb="1" eb="3">
      <t>キミヒロ</t>
    </rPh>
    <rPh sb="4" eb="8">
      <t>オオサカシリツ</t>
    </rPh>
    <rPh sb="8" eb="10">
      <t>ダイガク</t>
    </rPh>
    <phoneticPr fontId="1"/>
  </si>
  <si>
    <t>（地独）大阪市立工業研究所</t>
    <rPh sb="1" eb="2">
      <t>チ</t>
    </rPh>
    <rPh sb="2" eb="3">
      <t>ドク</t>
    </rPh>
    <rPh sb="4" eb="8">
      <t>オオサカシリツ</t>
    </rPh>
    <rPh sb="8" eb="10">
      <t>コウギョウ</t>
    </rPh>
    <rPh sb="10" eb="13">
      <t>ケンキュウショ</t>
    </rPh>
    <phoneticPr fontId="1"/>
  </si>
  <si>
    <t>（地独）大阪市民病院機構</t>
    <rPh sb="1" eb="2">
      <t>チ</t>
    </rPh>
    <rPh sb="2" eb="3">
      <t>ドク</t>
    </rPh>
    <rPh sb="4" eb="8">
      <t>オオサカシミン</t>
    </rPh>
    <rPh sb="8" eb="10">
      <t>ビョウイン</t>
    </rPh>
    <rPh sb="10" eb="12">
      <t>キコウ</t>
    </rPh>
    <phoneticPr fontId="1"/>
  </si>
  <si>
    <t>地方三公社</t>
    <rPh sb="0" eb="2">
      <t>チホウ</t>
    </rPh>
    <rPh sb="2" eb="3">
      <t>３</t>
    </rPh>
    <rPh sb="3" eb="5">
      <t>コウシャ</t>
    </rPh>
    <phoneticPr fontId="1"/>
  </si>
  <si>
    <t>大阪市住宅供給公社</t>
    <rPh sb="0" eb="3">
      <t>オオサカシ</t>
    </rPh>
    <rPh sb="3" eb="5">
      <t>ジュウタク</t>
    </rPh>
    <rPh sb="5" eb="7">
      <t>キョウキュウ</t>
    </rPh>
    <rPh sb="7" eb="9">
      <t>コウシャ</t>
    </rPh>
    <phoneticPr fontId="1"/>
  </si>
  <si>
    <t>出資法人等</t>
    <rPh sb="0" eb="2">
      <t>シュッシ</t>
    </rPh>
    <rPh sb="2" eb="4">
      <t>ホウジン</t>
    </rPh>
    <rPh sb="4" eb="5">
      <t>トウ</t>
    </rPh>
    <phoneticPr fontId="1"/>
  </si>
  <si>
    <t>（株）大阪城ホール</t>
    <rPh sb="1" eb="2">
      <t>カブ</t>
    </rPh>
    <rPh sb="3" eb="6">
      <t>オオサカジョウ</t>
    </rPh>
    <phoneticPr fontId="1"/>
  </si>
  <si>
    <t>（株）大阪市開発公社</t>
    <rPh sb="1" eb="2">
      <t>カブ</t>
    </rPh>
    <rPh sb="3" eb="6">
      <t>オオサカシ</t>
    </rPh>
    <rPh sb="6" eb="8">
      <t>カイハツ</t>
    </rPh>
    <rPh sb="8" eb="10">
      <t>コウシャ</t>
    </rPh>
    <phoneticPr fontId="1"/>
  </si>
  <si>
    <t>アジア太平洋トレードセンター（株）</t>
    <rPh sb="3" eb="6">
      <t>タイヘイヨウ</t>
    </rPh>
    <rPh sb="15" eb="16">
      <t>カブ</t>
    </rPh>
    <phoneticPr fontId="1"/>
  </si>
  <si>
    <t>（公財）大阪市博物館協会</t>
    <rPh sb="1" eb="2">
      <t>コウ</t>
    </rPh>
    <rPh sb="2" eb="3">
      <t>ザイ</t>
    </rPh>
    <rPh sb="4" eb="7">
      <t>オオサカシ</t>
    </rPh>
    <rPh sb="7" eb="10">
      <t>ハクブツカン</t>
    </rPh>
    <rPh sb="10" eb="12">
      <t>キョウカイ</t>
    </rPh>
    <phoneticPr fontId="1"/>
  </si>
  <si>
    <t>（公財）大阪国際交流センター</t>
    <rPh sb="1" eb="2">
      <t>コウ</t>
    </rPh>
    <rPh sb="2" eb="3">
      <t>ザイ</t>
    </rPh>
    <rPh sb="4" eb="6">
      <t>オオサカ</t>
    </rPh>
    <rPh sb="6" eb="8">
      <t>コクサイ</t>
    </rPh>
    <rPh sb="8" eb="10">
      <t>コウリュウ</t>
    </rPh>
    <phoneticPr fontId="1"/>
  </si>
  <si>
    <t>（一財）大阪国際経済振興センター</t>
    <rPh sb="1" eb="2">
      <t>イチ</t>
    </rPh>
    <rPh sb="2" eb="3">
      <t>ザイ</t>
    </rPh>
    <rPh sb="4" eb="6">
      <t>オオサカ</t>
    </rPh>
    <rPh sb="6" eb="8">
      <t>コクサイ</t>
    </rPh>
    <rPh sb="8" eb="10">
      <t>ケイザイ</t>
    </rPh>
    <rPh sb="10" eb="12">
      <t>シンコウ</t>
    </rPh>
    <phoneticPr fontId="1"/>
  </si>
  <si>
    <t>大阪市商業振興企画（株）</t>
    <rPh sb="0" eb="3">
      <t>オオサカシ</t>
    </rPh>
    <rPh sb="3" eb="5">
      <t>ショウギョウ</t>
    </rPh>
    <rPh sb="5" eb="7">
      <t>シンコウ</t>
    </rPh>
    <rPh sb="7" eb="9">
      <t>キカク</t>
    </rPh>
    <rPh sb="10" eb="11">
      <t>カブ</t>
    </rPh>
    <phoneticPr fontId="1"/>
  </si>
  <si>
    <t>（株）大阪鶴見フラワーセンター</t>
    <rPh sb="1" eb="2">
      <t>カブ</t>
    </rPh>
    <rPh sb="3" eb="5">
      <t>オオサカ</t>
    </rPh>
    <rPh sb="5" eb="7">
      <t>ツルミ</t>
    </rPh>
    <phoneticPr fontId="1"/>
  </si>
  <si>
    <t>（公財）大阪科学振興協会</t>
    <rPh sb="1" eb="2">
      <t>コウ</t>
    </rPh>
    <rPh sb="2" eb="3">
      <t>ザイ</t>
    </rPh>
    <rPh sb="4" eb="6">
      <t>オオサカ</t>
    </rPh>
    <rPh sb="6" eb="8">
      <t>カガク</t>
    </rPh>
    <rPh sb="8" eb="10">
      <t>シンコウ</t>
    </rPh>
    <rPh sb="10" eb="12">
      <t>キョウカイ</t>
    </rPh>
    <phoneticPr fontId="1"/>
  </si>
  <si>
    <t>（公財）大阪府暴力追放推進センター</t>
    <rPh sb="1" eb="2">
      <t>コウ</t>
    </rPh>
    <rPh sb="2" eb="3">
      <t>ザイ</t>
    </rPh>
    <rPh sb="4" eb="7">
      <t>オオサカフ</t>
    </rPh>
    <rPh sb="7" eb="9">
      <t>ボウリョク</t>
    </rPh>
    <rPh sb="9" eb="11">
      <t>ツイホウ</t>
    </rPh>
    <rPh sb="11" eb="13">
      <t>スイシン</t>
    </rPh>
    <phoneticPr fontId="1"/>
  </si>
  <si>
    <t>（一財）アジア・太平洋人権情報センター</t>
    <rPh sb="1" eb="2">
      <t>イチ</t>
    </rPh>
    <rPh sb="2" eb="3">
      <t>ザイ</t>
    </rPh>
    <rPh sb="8" eb="11">
      <t>タイヘイヨウ</t>
    </rPh>
    <rPh sb="11" eb="13">
      <t>ジンケン</t>
    </rPh>
    <rPh sb="13" eb="15">
      <t>ジョウホウ</t>
    </rPh>
    <phoneticPr fontId="1"/>
  </si>
  <si>
    <t>（株）湊町開発センター</t>
    <rPh sb="1" eb="2">
      <t>カブ</t>
    </rPh>
    <rPh sb="3" eb="5">
      <t>ミナトマチ</t>
    </rPh>
    <rPh sb="5" eb="7">
      <t>カイハツ</t>
    </rPh>
    <phoneticPr fontId="1"/>
  </si>
  <si>
    <t>（財）大阪市都市工学情報センター</t>
    <rPh sb="1" eb="2">
      <t>ザイ</t>
    </rPh>
    <rPh sb="3" eb="6">
      <t>オオサカシ</t>
    </rPh>
    <rPh sb="6" eb="8">
      <t>トシ</t>
    </rPh>
    <rPh sb="8" eb="10">
      <t>コウガク</t>
    </rPh>
    <rPh sb="10" eb="12">
      <t>ジョウホウ</t>
    </rPh>
    <phoneticPr fontId="1"/>
  </si>
  <si>
    <t>大阪外環状鉄道（株）</t>
    <rPh sb="0" eb="2">
      <t>オオサカ</t>
    </rPh>
    <rPh sb="2" eb="3">
      <t>ソト</t>
    </rPh>
    <rPh sb="3" eb="5">
      <t>カンジョウ</t>
    </rPh>
    <rPh sb="5" eb="7">
      <t>テツドウ</t>
    </rPh>
    <rPh sb="8" eb="9">
      <t>カブ</t>
    </rPh>
    <phoneticPr fontId="1"/>
  </si>
  <si>
    <t>西大阪高速鉄道（株）</t>
    <phoneticPr fontId="1"/>
  </si>
  <si>
    <t>中之島高速鉄道（株）</t>
    <rPh sb="0" eb="3">
      <t>ナカノシマ</t>
    </rPh>
    <rPh sb="3" eb="5">
      <t>コウソク</t>
    </rPh>
    <rPh sb="5" eb="7">
      <t>テツドウ</t>
    </rPh>
    <rPh sb="8" eb="9">
      <t>カブ</t>
    </rPh>
    <phoneticPr fontId="1"/>
  </si>
  <si>
    <t>（社福）大阪社会医療センター</t>
    <rPh sb="1" eb="3">
      <t>シャフク</t>
    </rPh>
    <rPh sb="4" eb="6">
      <t>オオサカ</t>
    </rPh>
    <rPh sb="6" eb="8">
      <t>シャカイ</t>
    </rPh>
    <rPh sb="8" eb="10">
      <t>イリョウ</t>
    </rPh>
    <phoneticPr fontId="1"/>
  </si>
  <si>
    <t>（公財）大阪市救急医療事業団</t>
    <rPh sb="1" eb="2">
      <t>コウ</t>
    </rPh>
    <rPh sb="2" eb="3">
      <t>ザイ</t>
    </rPh>
    <rPh sb="4" eb="7">
      <t>オオサカシ</t>
    </rPh>
    <rPh sb="7" eb="9">
      <t>キュウキュウ</t>
    </rPh>
    <rPh sb="9" eb="11">
      <t>イリョウ</t>
    </rPh>
    <rPh sb="11" eb="14">
      <t>ジギョウダン</t>
    </rPh>
    <phoneticPr fontId="1"/>
  </si>
  <si>
    <t>大阪市街地開発（株）</t>
    <rPh sb="0" eb="2">
      <t>オオサカ</t>
    </rPh>
    <rPh sb="2" eb="5">
      <t>シガイチ</t>
    </rPh>
    <rPh sb="5" eb="7">
      <t>カイハツ</t>
    </rPh>
    <rPh sb="8" eb="9">
      <t>カブ</t>
    </rPh>
    <phoneticPr fontId="1"/>
  </si>
  <si>
    <t>クリスタ長堀（株）</t>
    <rPh sb="4" eb="6">
      <t>ナガホリ</t>
    </rPh>
    <rPh sb="7" eb="8">
      <t>カブ</t>
    </rPh>
    <phoneticPr fontId="1"/>
  </si>
  <si>
    <t>（一財）都市技術センター</t>
    <rPh sb="1" eb="2">
      <t>イチ</t>
    </rPh>
    <rPh sb="2" eb="3">
      <t>ザイ</t>
    </rPh>
    <rPh sb="4" eb="6">
      <t>トシ</t>
    </rPh>
    <rPh sb="6" eb="8">
      <t>ギジュツ</t>
    </rPh>
    <phoneticPr fontId="1"/>
  </si>
  <si>
    <t>大阪港埠頭（株）</t>
    <rPh sb="0" eb="3">
      <t>オオサカコウ</t>
    </rPh>
    <rPh sb="3" eb="5">
      <t>フトウ</t>
    </rPh>
    <rPh sb="6" eb="7">
      <t>カブ</t>
    </rPh>
    <phoneticPr fontId="1"/>
  </si>
  <si>
    <t>（株）大阪港トランスポートシステム</t>
    <rPh sb="1" eb="2">
      <t>カブ</t>
    </rPh>
    <rPh sb="3" eb="5">
      <t>オオサカ</t>
    </rPh>
    <rPh sb="5" eb="6">
      <t>ミナト</t>
    </rPh>
    <phoneticPr fontId="1"/>
  </si>
  <si>
    <t>阪神国際港湾（株）</t>
    <rPh sb="0" eb="2">
      <t>ハンシン</t>
    </rPh>
    <rPh sb="2" eb="4">
      <t>コクサイ</t>
    </rPh>
    <rPh sb="4" eb="6">
      <t>コウワン</t>
    </rPh>
    <rPh sb="7" eb="8">
      <t>カブ</t>
    </rPh>
    <phoneticPr fontId="1"/>
  </si>
  <si>
    <t>大阪港埠頭ターミナル（株）</t>
    <rPh sb="0" eb="3">
      <t>オオサカコウ</t>
    </rPh>
    <rPh sb="3" eb="5">
      <t>フトウ</t>
    </rPh>
    <rPh sb="11" eb="12">
      <t>カブ</t>
    </rPh>
    <phoneticPr fontId="1"/>
  </si>
  <si>
    <t>大阪港木材倉庫（株）</t>
    <rPh sb="0" eb="3">
      <t>オオサカコウ</t>
    </rPh>
    <rPh sb="3" eb="5">
      <t>モクザイ</t>
    </rPh>
    <rPh sb="5" eb="7">
      <t>ソウコ</t>
    </rPh>
    <rPh sb="8" eb="9">
      <t>カブ</t>
    </rPh>
    <phoneticPr fontId="1"/>
  </si>
  <si>
    <t>大阪シティバス（株）</t>
    <rPh sb="0" eb="2">
      <t>オオサカ</t>
    </rPh>
    <rPh sb="8" eb="9">
      <t>カブ</t>
    </rPh>
    <phoneticPr fontId="1"/>
  </si>
  <si>
    <t>（株）大阪メトロサービス</t>
    <rPh sb="1" eb="2">
      <t>カブ</t>
    </rPh>
    <rPh sb="3" eb="5">
      <t>オオサカ</t>
    </rPh>
    <phoneticPr fontId="1"/>
  </si>
  <si>
    <t>大阪地下街（株）</t>
    <rPh sb="0" eb="2">
      <t>オオサカ</t>
    </rPh>
    <rPh sb="2" eb="5">
      <t>チカガイ</t>
    </rPh>
    <rPh sb="6" eb="7">
      <t>カブ</t>
    </rPh>
    <phoneticPr fontId="1"/>
  </si>
  <si>
    <t>堂島地下街（株）</t>
    <rPh sb="0" eb="2">
      <t>ドウジマ</t>
    </rPh>
    <rPh sb="2" eb="5">
      <t>チカガイ</t>
    </rPh>
    <rPh sb="6" eb="7">
      <t>カブ</t>
    </rPh>
    <phoneticPr fontId="1"/>
  </si>
  <si>
    <t>（株）大阪水道総合サービス</t>
    <rPh sb="1" eb="2">
      <t>カブ</t>
    </rPh>
    <rPh sb="3" eb="5">
      <t>オオサカ</t>
    </rPh>
    <rPh sb="5" eb="7">
      <t>スイドウ</t>
    </rPh>
    <rPh sb="7" eb="9">
      <t>ソウゴウ</t>
    </rPh>
    <phoneticPr fontId="1"/>
  </si>
  <si>
    <t>（公財）大阪国際平和センター</t>
    <rPh sb="1" eb="2">
      <t>コウ</t>
    </rPh>
    <rPh sb="2" eb="3">
      <t>ザイ</t>
    </rPh>
    <rPh sb="4" eb="6">
      <t>オオサカ</t>
    </rPh>
    <rPh sb="6" eb="8">
      <t>コクサイ</t>
    </rPh>
    <rPh sb="8" eb="10">
      <t>ヘイワ</t>
    </rPh>
    <phoneticPr fontId="1"/>
  </si>
  <si>
    <t>連結割合
（％）</t>
    <rPh sb="0" eb="2">
      <t>レンケツ</t>
    </rPh>
    <rPh sb="2" eb="4">
      <t>ワリアイ</t>
    </rPh>
    <phoneticPr fontId="1"/>
  </si>
  <si>
    <t>【連結対象団体（会計）の一覧、資本金等、連結割合】</t>
    <rPh sb="1" eb="3">
      <t>レンケツ</t>
    </rPh>
    <rPh sb="3" eb="5">
      <t>タイショウ</t>
    </rPh>
    <rPh sb="5" eb="7">
      <t>ダンタイ</t>
    </rPh>
    <rPh sb="8" eb="10">
      <t>カイケイ</t>
    </rPh>
    <rPh sb="12" eb="14">
      <t>イチラン</t>
    </rPh>
    <rPh sb="15" eb="18">
      <t>シホンキン</t>
    </rPh>
    <rPh sb="18" eb="19">
      <t>ナド</t>
    </rPh>
    <rPh sb="20" eb="22">
      <t>レンケツ</t>
    </rPh>
    <rPh sb="22" eb="24">
      <t>ワリアイ</t>
    </rPh>
    <phoneticPr fontId="1"/>
  </si>
  <si>
    <t>（単位：百万円）</t>
    <rPh sb="1" eb="3">
      <t>タンイ</t>
    </rPh>
    <rPh sb="4" eb="5">
      <t>ヒャク</t>
    </rPh>
    <rPh sb="5" eb="7">
      <t>マンエン</t>
    </rPh>
    <phoneticPr fontId="1"/>
  </si>
  <si>
    <t>・ごみ焼却処理事業の一部事務組合への移管に伴い諸資産・諸負債を引渡し、連結整理後の43,958百万円の特別損失を</t>
    <rPh sb="3" eb="5">
      <t>ショウキャク</t>
    </rPh>
    <rPh sb="5" eb="7">
      <t>ショリ</t>
    </rPh>
    <rPh sb="7" eb="9">
      <t>ジギョウ</t>
    </rPh>
    <rPh sb="10" eb="12">
      <t>イチブ</t>
    </rPh>
    <rPh sb="12" eb="14">
      <t>ジム</t>
    </rPh>
    <rPh sb="14" eb="16">
      <t>クミアイ</t>
    </rPh>
    <rPh sb="18" eb="20">
      <t>イカン</t>
    </rPh>
    <rPh sb="21" eb="22">
      <t>トモナ</t>
    </rPh>
    <rPh sb="31" eb="33">
      <t>ヒキワタシ</t>
    </rPh>
    <rPh sb="35" eb="37">
      <t>レンケツ</t>
    </rPh>
    <rPh sb="37" eb="39">
      <t>セイリ</t>
    </rPh>
    <rPh sb="39" eb="40">
      <t>ゴ</t>
    </rPh>
    <rPh sb="47" eb="50">
      <t>ヒャクマンエン</t>
    </rPh>
    <rPh sb="51" eb="53">
      <t>トクベツ</t>
    </rPh>
    <rPh sb="53" eb="55">
      <t>ソンシツ</t>
    </rPh>
    <phoneticPr fontId="1"/>
  </si>
  <si>
    <t>計上しております。</t>
    <phoneticPr fontId="1"/>
  </si>
  <si>
    <t>　有形固定資産及び無形固定資産は取得原価から減価償却累計額を控除した価額をもって計上しております。減価償却の方法は次のとおりです。
（１）事業用資産及びインフラ資産
　定額法によっております。
　なお、主な耐用年数は次のとおりです。
　　建物　 ：14～50年
　　工作物： 7～60年
（２）重要物品
　定額法によっております。
　なお、主な耐用年数は次のとおりです。
　　機械器具類：2～15年
　　自動車　　　：3～ 8年</t>
    <rPh sb="16" eb="18">
      <t>シュトク</t>
    </rPh>
    <rPh sb="18" eb="20">
      <t>ゲンカ</t>
    </rPh>
    <rPh sb="22" eb="24">
      <t>ゲンカ</t>
    </rPh>
    <rPh sb="24" eb="26">
      <t>ショウキャク</t>
    </rPh>
    <rPh sb="26" eb="28">
      <t>ルイケイ</t>
    </rPh>
    <rPh sb="28" eb="29">
      <t>ガク</t>
    </rPh>
    <rPh sb="30" eb="32">
      <t>コウジョ</t>
    </rPh>
    <rPh sb="34" eb="35">
      <t>カ</t>
    </rPh>
    <rPh sb="35" eb="36">
      <t>ガク</t>
    </rPh>
    <rPh sb="40" eb="42">
      <t>ケイジョウ</t>
    </rPh>
    <rPh sb="49" eb="51">
      <t>ゲンカ</t>
    </rPh>
    <rPh sb="51" eb="53">
      <t>ショウキャク</t>
    </rPh>
    <rPh sb="54" eb="56">
      <t>ホウホウ</t>
    </rPh>
    <rPh sb="57" eb="58">
      <t>ツギ</t>
    </rPh>
    <rPh sb="69" eb="72">
      <t>ジギョウヨウ</t>
    </rPh>
    <rPh sb="72" eb="74">
      <t>シサン</t>
    </rPh>
    <rPh sb="74" eb="75">
      <t>オヨ</t>
    </rPh>
    <rPh sb="80" eb="82">
      <t>シサン</t>
    </rPh>
    <rPh sb="84" eb="86">
      <t>テイガク</t>
    </rPh>
    <rPh sb="86" eb="87">
      <t>ホウ</t>
    </rPh>
    <rPh sb="101" eb="102">
      <t>オモ</t>
    </rPh>
    <rPh sb="103" eb="105">
      <t>タイヨウ</t>
    </rPh>
    <rPh sb="105" eb="107">
      <t>ネンスウ</t>
    </rPh>
    <rPh sb="108" eb="109">
      <t>ツギ</t>
    </rPh>
    <rPh sb="119" eb="121">
      <t>タテモノ</t>
    </rPh>
    <rPh sb="129" eb="130">
      <t>ネン</t>
    </rPh>
    <rPh sb="133" eb="136">
      <t>コウサクブツ</t>
    </rPh>
    <rPh sb="142" eb="143">
      <t>ネン</t>
    </rPh>
    <rPh sb="147" eb="149">
      <t>ジュウヨウ</t>
    </rPh>
    <rPh sb="149" eb="151">
      <t>ブッピン</t>
    </rPh>
    <rPh sb="188" eb="190">
      <t>キカイ</t>
    </rPh>
    <rPh sb="190" eb="192">
      <t>キグ</t>
    </rPh>
    <rPh sb="192" eb="193">
      <t>ルイ</t>
    </rPh>
    <rPh sb="202" eb="205">
      <t>ジドウシャ</t>
    </rPh>
    <phoneticPr fontId="1"/>
  </si>
  <si>
    <t>　キャッシュ・フロー計算書における資金は、「歳計現金」及び「歳入歳出外現金」としております。</t>
    <rPh sb="10" eb="13">
      <t>ケイサンショ</t>
    </rPh>
    <rPh sb="17" eb="19">
      <t>シキン</t>
    </rPh>
    <rPh sb="22" eb="24">
      <t>サイケイ</t>
    </rPh>
    <rPh sb="24" eb="26">
      <t>ゲンキン</t>
    </rPh>
    <rPh sb="27" eb="28">
      <t>オヨ</t>
    </rPh>
    <rPh sb="30" eb="32">
      <t>サイニュウ</t>
    </rPh>
    <rPh sb="32" eb="34">
      <t>サイシュツ</t>
    </rPh>
    <rPh sb="34" eb="35">
      <t>ガイ</t>
    </rPh>
    <rPh sb="35" eb="37">
      <t>ゲンキン</t>
    </rPh>
    <phoneticPr fontId="1"/>
  </si>
  <si>
    <t>（単位：百万円）</t>
    <phoneticPr fontId="1"/>
  </si>
  <si>
    <t>事業等の活用見込みがなく処分を検討することが適当と判断されるもの
正面相続税路線価に地積を乗じた額</t>
    <rPh sb="0" eb="2">
      <t>ジギョウ</t>
    </rPh>
    <rPh sb="2" eb="3">
      <t>トウ</t>
    </rPh>
    <rPh sb="4" eb="6">
      <t>カツヨウ</t>
    </rPh>
    <rPh sb="6" eb="8">
      <t>ミコミ</t>
    </rPh>
    <rPh sb="12" eb="14">
      <t>ショブン</t>
    </rPh>
    <rPh sb="15" eb="17">
      <t>ケントウ</t>
    </rPh>
    <rPh sb="22" eb="24">
      <t>テキトウ</t>
    </rPh>
    <rPh sb="25" eb="27">
      <t>ハンダン</t>
    </rPh>
    <rPh sb="33" eb="35">
      <t>ショウメン</t>
    </rPh>
    <rPh sb="35" eb="37">
      <t>ソウゾク</t>
    </rPh>
    <rPh sb="37" eb="38">
      <t>ゼイ</t>
    </rPh>
    <rPh sb="38" eb="41">
      <t>ロセンカ</t>
    </rPh>
    <rPh sb="42" eb="44">
      <t>チセキ</t>
    </rPh>
    <rPh sb="45" eb="46">
      <t>ジョウ</t>
    </rPh>
    <rPh sb="48" eb="49">
      <t>ガク</t>
    </rPh>
    <phoneticPr fontId="1"/>
  </si>
  <si>
    <t>２．重要な会計方針</t>
    <rPh sb="2" eb="4">
      <t>ジュウヨウ</t>
    </rPh>
    <rPh sb="5" eb="7">
      <t>カイケイ</t>
    </rPh>
    <rPh sb="7" eb="9">
      <t>ホウシン</t>
    </rPh>
    <phoneticPr fontId="1"/>
  </si>
  <si>
    <t>政令等特別会計</t>
    <phoneticPr fontId="1"/>
  </si>
  <si>
    <t>１．対象とする会計</t>
    <rPh sb="2" eb="4">
      <t>タイショウ</t>
    </rPh>
    <rPh sb="7" eb="9">
      <t>カイケイ</t>
    </rPh>
    <phoneticPr fontId="1"/>
  </si>
  <si>
    <t>財務書類に対する注記</t>
    <rPh sb="0" eb="2">
      <t>ザイム</t>
    </rPh>
    <rPh sb="2" eb="4">
      <t>ショルイ</t>
    </rPh>
    <rPh sb="5" eb="6">
      <t>タイ</t>
    </rPh>
    <rPh sb="8" eb="9">
      <t>チュウ</t>
    </rPh>
    <rPh sb="9" eb="10">
      <t>キ</t>
    </rPh>
    <phoneticPr fontId="1"/>
  </si>
  <si>
    <t>３．重要な債務負担行為</t>
    <rPh sb="2" eb="4">
      <t>ジュウヨウ</t>
    </rPh>
    <rPh sb="5" eb="7">
      <t>サイム</t>
    </rPh>
    <rPh sb="7" eb="9">
      <t>フタン</t>
    </rPh>
    <rPh sb="9" eb="11">
      <t>コウイ</t>
    </rPh>
    <phoneticPr fontId="1"/>
  </si>
  <si>
    <t>４．重要な後発事象</t>
    <rPh sb="2" eb="4">
      <t>ジュウヨウ</t>
    </rPh>
    <rPh sb="5" eb="7">
      <t>コウハツ</t>
    </rPh>
    <rPh sb="7" eb="9">
      <t>ジショウ</t>
    </rPh>
    <phoneticPr fontId="1"/>
  </si>
  <si>
    <t>５．追加情報</t>
    <rPh sb="2" eb="4">
      <t>ツイカ</t>
    </rPh>
    <rPh sb="4" eb="6">
      <t>ジョウホウ</t>
    </rPh>
    <phoneticPr fontId="1"/>
  </si>
  <si>
    <t>その他財務書類作成のための基本となる重要な事項</t>
    <rPh sb="2" eb="3">
      <t>タ</t>
    </rPh>
    <rPh sb="3" eb="5">
      <t>ザイム</t>
    </rPh>
    <rPh sb="5" eb="7">
      <t>ショルイ</t>
    </rPh>
    <rPh sb="7" eb="9">
      <t>サクセイ</t>
    </rPh>
    <rPh sb="13" eb="15">
      <t>キホン</t>
    </rPh>
    <rPh sb="18" eb="20">
      <t>ジュウヨウ</t>
    </rPh>
    <rPh sb="21" eb="23">
      <t>ジコウ</t>
    </rPh>
    <phoneticPr fontId="1"/>
  </si>
  <si>
    <t>【出納整理期間の取扱い】
　財務書類は、3月31日を基準日として作成しておりますが、地方自治法第235条の5に規定する翌年度5月31日の出納閉鎖までを出納整理期間とし、出納整理期間における歳入及び歳出並びにこれに伴う資産及び負債の増減等を反映した後の計数をもって会計年度末の計数としております。</t>
    <rPh sb="1" eb="3">
      <t>スイトウ</t>
    </rPh>
    <rPh sb="3" eb="5">
      <t>セイリ</t>
    </rPh>
    <rPh sb="5" eb="7">
      <t>キカン</t>
    </rPh>
    <rPh sb="8" eb="10">
      <t>トリアツカ</t>
    </rPh>
    <rPh sb="14" eb="16">
      <t>ザイム</t>
    </rPh>
    <rPh sb="16" eb="18">
      <t>ショルイ</t>
    </rPh>
    <rPh sb="21" eb="22">
      <t>ガツ</t>
    </rPh>
    <rPh sb="24" eb="25">
      <t>ニチ</t>
    </rPh>
    <rPh sb="26" eb="28">
      <t>キジュン</t>
    </rPh>
    <rPh sb="28" eb="29">
      <t>ビ</t>
    </rPh>
    <rPh sb="32" eb="34">
      <t>サクセイ</t>
    </rPh>
    <rPh sb="42" eb="44">
      <t>チホウ</t>
    </rPh>
    <rPh sb="44" eb="46">
      <t>ジチ</t>
    </rPh>
    <rPh sb="46" eb="47">
      <t>ホウ</t>
    </rPh>
    <rPh sb="47" eb="48">
      <t>ダイ</t>
    </rPh>
    <rPh sb="51" eb="52">
      <t>ジョウ</t>
    </rPh>
    <rPh sb="55" eb="57">
      <t>キテイ</t>
    </rPh>
    <rPh sb="59" eb="62">
      <t>ヨクネンド</t>
    </rPh>
    <rPh sb="63" eb="64">
      <t>ガツ</t>
    </rPh>
    <rPh sb="66" eb="67">
      <t>ニチ</t>
    </rPh>
    <rPh sb="68" eb="70">
      <t>スイトウ</t>
    </rPh>
    <rPh sb="70" eb="72">
      <t>ヘイサ</t>
    </rPh>
    <rPh sb="75" eb="77">
      <t>スイトウ</t>
    </rPh>
    <rPh sb="77" eb="79">
      <t>セイリ</t>
    </rPh>
    <rPh sb="79" eb="81">
      <t>キカン</t>
    </rPh>
    <rPh sb="84" eb="86">
      <t>スイトウ</t>
    </rPh>
    <rPh sb="86" eb="88">
      <t>セイリ</t>
    </rPh>
    <rPh sb="88" eb="90">
      <t>キカン</t>
    </rPh>
    <rPh sb="94" eb="96">
      <t>サイニュウ</t>
    </rPh>
    <rPh sb="96" eb="97">
      <t>オヨ</t>
    </rPh>
    <rPh sb="98" eb="100">
      <t>サイシュツ</t>
    </rPh>
    <rPh sb="100" eb="101">
      <t>ナラ</t>
    </rPh>
    <rPh sb="106" eb="107">
      <t>トモナ</t>
    </rPh>
    <rPh sb="108" eb="110">
      <t>シサン</t>
    </rPh>
    <rPh sb="110" eb="111">
      <t>オヨ</t>
    </rPh>
    <rPh sb="112" eb="114">
      <t>フサイ</t>
    </rPh>
    <rPh sb="115" eb="117">
      <t>ゾウゲン</t>
    </rPh>
    <rPh sb="117" eb="118">
      <t>トウ</t>
    </rPh>
    <rPh sb="119" eb="121">
      <t>ハンエイ</t>
    </rPh>
    <rPh sb="123" eb="124">
      <t>ノチ</t>
    </rPh>
    <rPh sb="125" eb="127">
      <t>ケイスウ</t>
    </rPh>
    <rPh sb="131" eb="133">
      <t>カイケイ</t>
    </rPh>
    <rPh sb="133" eb="135">
      <t>ネンド</t>
    </rPh>
    <rPh sb="135" eb="136">
      <t>マツ</t>
    </rPh>
    <rPh sb="137" eb="139">
      <t>ケイスウ</t>
    </rPh>
    <phoneticPr fontId="1"/>
  </si>
  <si>
    <t>･大阪市立環境科学研究所と大阪府立公衆衛生研究所の統合及び地方独立行政法人大阪健康安全基盤研究所の設立に</t>
    <rPh sb="1" eb="3">
      <t>オオサカ</t>
    </rPh>
    <rPh sb="3" eb="4">
      <t>シ</t>
    </rPh>
    <rPh sb="4" eb="5">
      <t>リツ</t>
    </rPh>
    <rPh sb="5" eb="7">
      <t>カンキョウ</t>
    </rPh>
    <rPh sb="7" eb="9">
      <t>カガク</t>
    </rPh>
    <rPh sb="9" eb="12">
      <t>ケンキュウショ</t>
    </rPh>
    <rPh sb="13" eb="16">
      <t>オオサカフ</t>
    </rPh>
    <rPh sb="16" eb="17">
      <t>リツ</t>
    </rPh>
    <rPh sb="17" eb="19">
      <t>コウシュウ</t>
    </rPh>
    <rPh sb="19" eb="21">
      <t>エイセイ</t>
    </rPh>
    <rPh sb="21" eb="24">
      <t>ケンキュウショ</t>
    </rPh>
    <rPh sb="25" eb="27">
      <t>トウゴウ</t>
    </rPh>
    <rPh sb="27" eb="28">
      <t>オヨ</t>
    </rPh>
    <rPh sb="29" eb="31">
      <t>チホウ</t>
    </rPh>
    <rPh sb="31" eb="33">
      <t>ドクリツ</t>
    </rPh>
    <rPh sb="33" eb="35">
      <t>ギョウセイ</t>
    </rPh>
    <rPh sb="35" eb="37">
      <t>ホウジン</t>
    </rPh>
    <rPh sb="37" eb="39">
      <t>オオサカ</t>
    </rPh>
    <rPh sb="39" eb="41">
      <t>ケンコウ</t>
    </rPh>
    <rPh sb="41" eb="43">
      <t>アンゼン</t>
    </rPh>
    <rPh sb="43" eb="45">
      <t>キバン</t>
    </rPh>
    <rPh sb="45" eb="48">
      <t>ケンキュウショ</t>
    </rPh>
    <rPh sb="49" eb="51">
      <t>セツリツ</t>
    </rPh>
    <phoneticPr fontId="1"/>
  </si>
  <si>
    <t>･大阪府営住宅の市への移管に伴い、諸資産・諸負債を受け入れ、無償所管換等に6,370百万円を計上しております。</t>
    <rPh sb="1" eb="3">
      <t>オオサカ</t>
    </rPh>
    <rPh sb="3" eb="4">
      <t>フ</t>
    </rPh>
    <rPh sb="4" eb="5">
      <t>エイ</t>
    </rPh>
    <rPh sb="5" eb="7">
      <t>ジュウタク</t>
    </rPh>
    <rPh sb="8" eb="9">
      <t>シ</t>
    </rPh>
    <rPh sb="11" eb="13">
      <t>イカン</t>
    </rPh>
    <rPh sb="14" eb="15">
      <t>トモナ</t>
    </rPh>
    <rPh sb="17" eb="18">
      <t>ショ</t>
    </rPh>
    <rPh sb="18" eb="20">
      <t>シサン</t>
    </rPh>
    <rPh sb="21" eb="22">
      <t>ショ</t>
    </rPh>
    <rPh sb="22" eb="24">
      <t>フサイ</t>
    </rPh>
    <rPh sb="25" eb="26">
      <t>ウ</t>
    </rPh>
    <rPh sb="27" eb="28">
      <t>イ</t>
    </rPh>
    <rPh sb="30" eb="32">
      <t>ムショウ</t>
    </rPh>
    <rPh sb="32" eb="34">
      <t>ショカン</t>
    </rPh>
    <rPh sb="34" eb="35">
      <t>カ</t>
    </rPh>
    <rPh sb="35" eb="36">
      <t>トウ</t>
    </rPh>
    <rPh sb="42" eb="43">
      <t>ヒャク</t>
    </rPh>
    <rPh sb="43" eb="45">
      <t>マンエン</t>
    </rPh>
    <rPh sb="46" eb="48">
      <t>ケイジョウ</t>
    </rPh>
    <phoneticPr fontId="20"/>
  </si>
  <si>
    <t>伴い、諸資産を引き渡し、無償所管換等に△40百万円を計上しております。</t>
    <rPh sb="0" eb="1">
      <t>トモナ</t>
    </rPh>
    <rPh sb="3" eb="4">
      <t>ショ</t>
    </rPh>
    <rPh sb="4" eb="6">
      <t>シサン</t>
    </rPh>
    <rPh sb="7" eb="8">
      <t>ヒ</t>
    </rPh>
    <rPh sb="9" eb="10">
      <t>ワタ</t>
    </rPh>
    <rPh sb="12" eb="14">
      <t>ムショウ</t>
    </rPh>
    <rPh sb="14" eb="16">
      <t>ショカン</t>
    </rPh>
    <rPh sb="16" eb="17">
      <t>カ</t>
    </rPh>
    <rPh sb="17" eb="18">
      <t>トウ</t>
    </rPh>
    <rPh sb="22" eb="23">
      <t>ヒャク</t>
    </rPh>
    <rPh sb="23" eb="25">
      <t>マンエン</t>
    </rPh>
    <rPh sb="26" eb="28">
      <t>ケイジョウ</t>
    </rPh>
    <phoneticPr fontId="1"/>
  </si>
  <si>
    <t>・高速鉄道事業会計の廃止に伴い、関西電力株式時価相当額を繰り入れ、無償所管換等に20,850百万円を計上しております。</t>
    <rPh sb="1" eb="3">
      <t>コウソク</t>
    </rPh>
    <rPh sb="3" eb="5">
      <t>テツドウ</t>
    </rPh>
    <rPh sb="5" eb="7">
      <t>ジギョウ</t>
    </rPh>
    <rPh sb="7" eb="9">
      <t>カイケイ</t>
    </rPh>
    <rPh sb="10" eb="12">
      <t>ハイシ</t>
    </rPh>
    <rPh sb="13" eb="14">
      <t>トモナ</t>
    </rPh>
    <rPh sb="16" eb="18">
      <t>カンサイ</t>
    </rPh>
    <rPh sb="18" eb="20">
      <t>デンリョク</t>
    </rPh>
    <rPh sb="20" eb="22">
      <t>カブシキ</t>
    </rPh>
    <rPh sb="22" eb="24">
      <t>ジカ</t>
    </rPh>
    <rPh sb="24" eb="26">
      <t>ソウトウ</t>
    </rPh>
    <rPh sb="26" eb="27">
      <t>ガク</t>
    </rPh>
    <rPh sb="28" eb="29">
      <t>ク</t>
    </rPh>
    <rPh sb="30" eb="31">
      <t>イ</t>
    </rPh>
    <rPh sb="33" eb="35">
      <t>ムショウ</t>
    </rPh>
    <rPh sb="35" eb="37">
      <t>ショカン</t>
    </rPh>
    <rPh sb="37" eb="38">
      <t>カ</t>
    </rPh>
    <rPh sb="38" eb="39">
      <t>トウ</t>
    </rPh>
    <rPh sb="46" eb="47">
      <t>ヒャク</t>
    </rPh>
    <rPh sb="47" eb="49">
      <t>マンエン</t>
    </rPh>
    <rPh sb="50" eb="52">
      <t>ケイジョウ</t>
    </rPh>
    <phoneticPr fontId="1"/>
  </si>
  <si>
    <t>【事業再編等に伴う移転損益】</t>
    <phoneticPr fontId="1"/>
  </si>
  <si>
    <t>　昭和59年度以前に取得、並びに無償で移管を受けた道路、河川及び水路の敷地について、原則として備忘価額１円で計上するものを、大阪市基準に基づき、取得原価や時価等を基準として公正に評価した額により計上しております。</t>
    <rPh sb="1" eb="3">
      <t>ショウワ</t>
    </rPh>
    <rPh sb="5" eb="7">
      <t>ネンド</t>
    </rPh>
    <rPh sb="7" eb="9">
      <t>イゼン</t>
    </rPh>
    <rPh sb="10" eb="12">
      <t>シュトク</t>
    </rPh>
    <rPh sb="16" eb="18">
      <t>ムショウ</t>
    </rPh>
    <rPh sb="19" eb="21">
      <t>イカン</t>
    </rPh>
    <rPh sb="22" eb="23">
      <t>ウ</t>
    </rPh>
    <rPh sb="42" eb="44">
      <t>ゲンソク</t>
    </rPh>
    <rPh sb="47" eb="49">
      <t>ビボウ</t>
    </rPh>
    <rPh sb="49" eb="51">
      <t>カガク</t>
    </rPh>
    <rPh sb="52" eb="53">
      <t>エン</t>
    </rPh>
    <rPh sb="54" eb="56">
      <t>ケイジョウ</t>
    </rPh>
    <rPh sb="62" eb="65">
      <t>オオサカシ</t>
    </rPh>
    <rPh sb="65" eb="67">
      <t>キジュン</t>
    </rPh>
    <rPh sb="68" eb="69">
      <t>モト</t>
    </rPh>
    <rPh sb="97" eb="99">
      <t>ケイジョウ</t>
    </rPh>
    <phoneticPr fontId="1"/>
  </si>
  <si>
    <t>　自動車運送事業会計及び高速鉄道事業会計の廃止に伴う諸資産約4,700億円の受入れにより、平成30年度において当該資産及び臨時利益を計上する見込みです。また、市債の繰上償還等4,312億円により、平成30年度において１年内償還予定地方債が減少する見込みです。</t>
    <rPh sb="1" eb="4">
      <t>ジドウシャ</t>
    </rPh>
    <rPh sb="4" eb="6">
      <t>ウンソウ</t>
    </rPh>
    <rPh sb="6" eb="8">
      <t>ジギョウ</t>
    </rPh>
    <rPh sb="8" eb="10">
      <t>カイケイ</t>
    </rPh>
    <rPh sb="10" eb="11">
      <t>オヨ</t>
    </rPh>
    <rPh sb="12" eb="14">
      <t>コウソク</t>
    </rPh>
    <rPh sb="14" eb="16">
      <t>テツドウ</t>
    </rPh>
    <rPh sb="16" eb="18">
      <t>ジギョウ</t>
    </rPh>
    <rPh sb="18" eb="20">
      <t>カイケイ</t>
    </rPh>
    <rPh sb="21" eb="23">
      <t>ハイシ</t>
    </rPh>
    <rPh sb="24" eb="25">
      <t>トモナ</t>
    </rPh>
    <rPh sb="45" eb="47">
      <t>ヘイセイ</t>
    </rPh>
    <rPh sb="49" eb="51">
      <t>ネンド</t>
    </rPh>
    <rPh sb="79" eb="80">
      <t>シ</t>
    </rPh>
    <rPh sb="80" eb="81">
      <t>サイ</t>
    </rPh>
    <rPh sb="82" eb="84">
      <t>クリア</t>
    </rPh>
    <rPh sb="84" eb="86">
      <t>ショウカン</t>
    </rPh>
    <rPh sb="86" eb="87">
      <t>トウ</t>
    </rPh>
    <rPh sb="92" eb="93">
      <t>オク</t>
    </rPh>
    <rPh sb="93" eb="94">
      <t>エン</t>
    </rPh>
    <rPh sb="98" eb="100">
      <t>ヘイセイ</t>
    </rPh>
    <rPh sb="102" eb="104">
      <t>ネンド</t>
    </rPh>
    <rPh sb="111" eb="113">
      <t>ショウカン</t>
    </rPh>
    <rPh sb="113" eb="115">
      <t>ヨテイ</t>
    </rPh>
    <rPh sb="115" eb="118">
      <t>チホウサイ</t>
    </rPh>
    <rPh sb="119" eb="121">
      <t>ゲンショウ</t>
    </rPh>
    <rPh sb="123" eb="125">
      <t>ミコ</t>
    </rPh>
    <phoneticPr fontId="20"/>
  </si>
  <si>
    <t>【県費負担教職員制度の見直しに伴う損益】</t>
    <rPh sb="1" eb="2">
      <t>ケン</t>
    </rPh>
    <rPh sb="2" eb="3">
      <t>ヒ</t>
    </rPh>
    <rPh sb="3" eb="5">
      <t>フタン</t>
    </rPh>
    <rPh sb="5" eb="8">
      <t>キョウショクイン</t>
    </rPh>
    <rPh sb="8" eb="10">
      <t>セイド</t>
    </rPh>
    <rPh sb="11" eb="13">
      <t>ミナオ</t>
    </rPh>
    <rPh sb="15" eb="16">
      <t>トモナ</t>
    </rPh>
    <rPh sb="17" eb="19">
      <t>ソンエキ</t>
    </rPh>
    <phoneticPr fontId="20"/>
  </si>
  <si>
    <t>　法改正に伴う県費負担教職員制度の見直しに係る大阪府からの給与負担移管の影響により、給与関係費等の経常費用が前年度に比して増加しております。また、大阪府からの税源移譲のほか、国庫負担金・地方交付税などの財源も増加しております。
　なお、移管された職員にかかる退職手当引当金を一括計上する必要があったため、当該引当金繰入額を臨時損失に79,565百万円を計上しております。</t>
    <phoneticPr fontId="20"/>
  </si>
  <si>
    <t>【自動車運送事業会計及び高速鉄道事業会計の廃止に伴う資産・負債の増加】</t>
    <rPh sb="1" eb="4">
      <t>ジドウシャ</t>
    </rPh>
    <rPh sb="4" eb="6">
      <t>ウンソウ</t>
    </rPh>
    <rPh sb="6" eb="8">
      <t>ジギョウ</t>
    </rPh>
    <rPh sb="8" eb="10">
      <t>カイケイ</t>
    </rPh>
    <rPh sb="10" eb="11">
      <t>オヨ</t>
    </rPh>
    <rPh sb="12" eb="14">
      <t>コウソク</t>
    </rPh>
    <rPh sb="14" eb="16">
      <t>テツドウ</t>
    </rPh>
    <rPh sb="16" eb="18">
      <t>ジギョウ</t>
    </rPh>
    <rPh sb="18" eb="20">
      <t>カイケイ</t>
    </rPh>
    <rPh sb="21" eb="23">
      <t>ハイシ</t>
    </rPh>
    <rPh sb="24" eb="25">
      <t>トモナ</t>
    </rPh>
    <rPh sb="26" eb="28">
      <t>シサン</t>
    </rPh>
    <rPh sb="29" eb="31">
      <t>フサイ</t>
    </rPh>
    <rPh sb="32" eb="34">
      <t>ゾウカ</t>
    </rPh>
    <phoneticPr fontId="20"/>
  </si>
  <si>
    <t>　自動車運送事業会計及び高速鉄道事業会計の廃止に伴う企業債の移管により、地方債472,332百万円及びその他負債6,113百万円を負債に計上し、企業債等の償還に対応した基金の積立てにより、公債償還基金478,445百万円を資産に計上しております。</t>
    <phoneticPr fontId="20"/>
  </si>
  <si>
    <t xml:space="preserve">（１）徴収不能引当金
　債権等（債権、未収金及びそれらで基金に属するもの）の徴収不能に備えるため、一般債権は徴収不能実績率によって、貸倒懸念債権及び破産更生債権等は個別に回収可能性を検討し、徴収不能見込額を計上しております。
（２）賞与引当金
　職員の期末・勤勉手当（共済費を含む）の支出に備えるため、支給見込額に基づき当年度の負担相当額を計上しております。
（３）退職手当引当金
　職員の退職手当の支出に備えるため、年度末時点の全ての職員が自己都合退職した場合の退職手当支給見込額を計上しております。
（４）損失補償等引当金
　債務保証契約又は損失補償契約に基づく債務の履行に係る損失に備えるため、地方公共団体の財政の健全化に関する法律（平成19年法律第94号）に規定する将来負担比率の算定に含めた損失補償債務等に係る一般会計等負担見込額を計上しております。
</t>
    <rPh sb="12" eb="14">
      <t>サイケン</t>
    </rPh>
    <rPh sb="14" eb="15">
      <t>トウ</t>
    </rPh>
    <rPh sb="16" eb="18">
      <t>サイケン</t>
    </rPh>
    <rPh sb="19" eb="22">
      <t>ミシュウキン</t>
    </rPh>
    <rPh sb="22" eb="23">
      <t>オヨ</t>
    </rPh>
    <rPh sb="28" eb="30">
      <t>キキン</t>
    </rPh>
    <rPh sb="31" eb="32">
      <t>ゾク</t>
    </rPh>
    <rPh sb="43" eb="44">
      <t>ソナ</t>
    </rPh>
    <rPh sb="49" eb="51">
      <t>イッパン</t>
    </rPh>
    <rPh sb="51" eb="53">
      <t>サイケン</t>
    </rPh>
    <rPh sb="54" eb="56">
      <t>チョウシュウ</t>
    </rPh>
    <rPh sb="56" eb="58">
      <t>フノウ</t>
    </rPh>
    <rPh sb="58" eb="60">
      <t>ジッセキ</t>
    </rPh>
    <rPh sb="60" eb="61">
      <t>リツ</t>
    </rPh>
    <rPh sb="66" eb="68">
      <t>カシダオレ</t>
    </rPh>
    <rPh sb="68" eb="70">
      <t>ケネン</t>
    </rPh>
    <rPh sb="70" eb="72">
      <t>サイケン</t>
    </rPh>
    <rPh sb="72" eb="73">
      <t>オヨ</t>
    </rPh>
    <rPh sb="74" eb="76">
      <t>ハサン</t>
    </rPh>
    <rPh sb="76" eb="78">
      <t>コウセイ</t>
    </rPh>
    <rPh sb="78" eb="80">
      <t>サイケン</t>
    </rPh>
    <rPh sb="80" eb="81">
      <t>トウ</t>
    </rPh>
    <rPh sb="82" eb="84">
      <t>コベツ</t>
    </rPh>
    <rPh sb="85" eb="87">
      <t>カイシュウ</t>
    </rPh>
    <rPh sb="95" eb="97">
      <t>チョウシュウ</t>
    </rPh>
    <rPh sb="103" eb="105">
      <t>ケイジョウ</t>
    </rPh>
    <rPh sb="116" eb="118">
      <t>ショウヨ</t>
    </rPh>
    <rPh sb="118" eb="120">
      <t>ヒキアテ</t>
    </rPh>
    <rPh sb="120" eb="121">
      <t>キン</t>
    </rPh>
    <rPh sb="123" eb="125">
      <t>ショクイン</t>
    </rPh>
    <rPh sb="129" eb="131">
      <t>キンベン</t>
    </rPh>
    <rPh sb="131" eb="133">
      <t>テアテ</t>
    </rPh>
    <rPh sb="134" eb="136">
      <t>キョウサイ</t>
    </rPh>
    <rPh sb="136" eb="137">
      <t>ヒ</t>
    </rPh>
    <rPh sb="138" eb="139">
      <t>フク</t>
    </rPh>
    <rPh sb="142" eb="144">
      <t>シシュツ</t>
    </rPh>
    <rPh sb="145" eb="146">
      <t>ソナ</t>
    </rPh>
    <rPh sb="151" eb="153">
      <t>シキュウ</t>
    </rPh>
    <rPh sb="153" eb="155">
      <t>ミコミ</t>
    </rPh>
    <rPh sb="155" eb="156">
      <t>ガク</t>
    </rPh>
    <rPh sb="157" eb="158">
      <t>モト</t>
    </rPh>
    <rPh sb="160" eb="163">
      <t>トウネンド</t>
    </rPh>
    <rPh sb="164" eb="166">
      <t>フタン</t>
    </rPh>
    <rPh sb="166" eb="168">
      <t>ソウトウ</t>
    </rPh>
    <rPh sb="168" eb="169">
      <t>ガク</t>
    </rPh>
    <rPh sb="170" eb="172">
      <t>ケイジョウ</t>
    </rPh>
    <rPh sb="192" eb="194">
      <t>ショクイン</t>
    </rPh>
    <rPh sb="195" eb="197">
      <t>タイショク</t>
    </rPh>
    <rPh sb="197" eb="199">
      <t>テアテ</t>
    </rPh>
    <rPh sb="200" eb="202">
      <t>シシュツ</t>
    </rPh>
    <rPh sb="203" eb="204">
      <t>ソナ</t>
    </rPh>
    <rPh sb="265" eb="267">
      <t>サイム</t>
    </rPh>
    <rPh sb="267" eb="269">
      <t>ホショウ</t>
    </rPh>
    <rPh sb="269" eb="271">
      <t>ケイヤク</t>
    </rPh>
    <rPh sb="271" eb="272">
      <t>マタ</t>
    </rPh>
    <rPh sb="273" eb="275">
      <t>ソンシツ</t>
    </rPh>
    <rPh sb="275" eb="277">
      <t>ホショウ</t>
    </rPh>
    <rPh sb="277" eb="279">
      <t>ケイヤク</t>
    </rPh>
    <rPh sb="280" eb="281">
      <t>モト</t>
    </rPh>
    <rPh sb="283" eb="285">
      <t>サイム</t>
    </rPh>
    <rPh sb="286" eb="288">
      <t>リコウ</t>
    </rPh>
    <rPh sb="289" eb="290">
      <t>カカ</t>
    </rPh>
    <rPh sb="291" eb="293">
      <t>ソンシツ</t>
    </rPh>
    <rPh sb="294" eb="295">
      <t>ソナ</t>
    </rPh>
    <rPh sb="333" eb="335">
      <t>キテイ</t>
    </rPh>
    <rPh sb="358" eb="359">
      <t>カカ</t>
    </rPh>
    <rPh sb="360" eb="362">
      <t>イッパン</t>
    </rPh>
    <rPh sb="362" eb="364">
      <t>カイケイ</t>
    </rPh>
    <rPh sb="364" eb="365">
      <t>トウ</t>
    </rPh>
    <rPh sb="365" eb="367">
      <t>フタン</t>
    </rPh>
    <rPh sb="367" eb="369">
      <t>ミコ</t>
    </rPh>
    <rPh sb="369" eb="370">
      <t>ガク</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_ "/>
    <numFmt numFmtId="177" formatCode="#,##0_ "/>
    <numFmt numFmtId="178" formatCode="0.0_ "/>
  </numFmts>
  <fonts count="21" x14ac:knownFonts="1">
    <font>
      <sz val="11"/>
      <color theme="1"/>
      <name val="ＭＳ Ｐゴシック"/>
      <family val="2"/>
      <charset val="128"/>
      <scheme val="minor"/>
    </font>
    <font>
      <sz val="6"/>
      <name val="ＭＳ Ｐゴシック"/>
      <family val="2"/>
      <charset val="128"/>
      <scheme val="minor"/>
    </font>
    <font>
      <sz val="11"/>
      <color theme="1"/>
      <name val="ＭＳ Ｐ明朝"/>
      <family val="1"/>
      <charset val="128"/>
    </font>
    <font>
      <b/>
      <sz val="11"/>
      <color theme="1"/>
      <name val="ＭＳ Ｐ明朝"/>
      <family val="1"/>
      <charset val="128"/>
    </font>
    <font>
      <b/>
      <sz val="16"/>
      <color theme="1"/>
      <name val="ＭＳ Ｐ明朝"/>
      <family val="1"/>
      <charset val="128"/>
    </font>
    <font>
      <sz val="16"/>
      <color theme="1"/>
      <name val="ＭＳ Ｐ明朝"/>
      <family val="1"/>
      <charset val="128"/>
    </font>
    <font>
      <sz val="11"/>
      <color theme="1"/>
      <name val="ＭＳ Ｐゴシック"/>
      <family val="3"/>
      <charset val="128"/>
      <scheme val="minor"/>
    </font>
    <font>
      <sz val="14"/>
      <color theme="1"/>
      <name val="ＭＳ 明朝"/>
      <family val="1"/>
      <charset val="128"/>
    </font>
    <font>
      <sz val="11"/>
      <color theme="1"/>
      <name val="ＭＳ Ｐゴシック"/>
      <family val="3"/>
      <charset val="128"/>
    </font>
    <font>
      <b/>
      <sz val="18"/>
      <color theme="1"/>
      <name val="ＭＳ Ｐ明朝"/>
      <family val="1"/>
      <charset val="128"/>
    </font>
    <font>
      <sz val="18"/>
      <color theme="1"/>
      <name val="ＭＳ Ｐ明朝"/>
      <family val="1"/>
      <charset val="128"/>
    </font>
    <font>
      <sz val="18"/>
      <color theme="1"/>
      <name val="ＭＳ 明朝"/>
      <family val="1"/>
      <charset val="128"/>
    </font>
    <font>
      <u/>
      <sz val="18"/>
      <color theme="1"/>
      <name val="ＭＳ ゴシック"/>
      <family val="3"/>
      <charset val="128"/>
    </font>
    <font>
      <b/>
      <sz val="28"/>
      <color theme="1"/>
      <name val="ＭＳ 明朝"/>
      <family val="1"/>
      <charset val="128"/>
    </font>
    <font>
      <u/>
      <sz val="20"/>
      <color theme="1"/>
      <name val="ＭＳ ゴシック"/>
      <family val="3"/>
      <charset val="128"/>
    </font>
    <font>
      <sz val="11"/>
      <color theme="1"/>
      <name val="ＭＳ Ｐゴシック"/>
      <family val="2"/>
      <charset val="128"/>
      <scheme val="minor"/>
    </font>
    <font>
      <sz val="18"/>
      <color rgb="FFFF0000"/>
      <name val="ＭＳ Ｐ明朝"/>
      <family val="1"/>
      <charset val="128"/>
    </font>
    <font>
      <sz val="14"/>
      <color theme="1"/>
      <name val="ＭＳ Ｐ明朝"/>
      <family val="1"/>
      <charset val="128"/>
    </font>
    <font>
      <sz val="14"/>
      <color rgb="FFFF0000"/>
      <name val="ＭＳ Ｐ明朝"/>
      <family val="1"/>
      <charset val="128"/>
    </font>
    <font>
      <sz val="18"/>
      <name val="ＭＳ Ｐ明朝"/>
      <family val="1"/>
      <charset val="128"/>
    </font>
    <font>
      <sz val="6"/>
      <name val="ＭＳ Ｐゴシック"/>
      <family val="3"/>
      <charset val="128"/>
      <scheme val="minor"/>
    </font>
  </fonts>
  <fills count="3">
    <fill>
      <patternFill patternType="none"/>
    </fill>
    <fill>
      <patternFill patternType="gray125"/>
    </fill>
    <fill>
      <patternFill patternType="solid">
        <fgColor theme="8" tint="0.79998168889431442"/>
        <bgColor indexed="64"/>
      </patternFill>
    </fill>
  </fills>
  <borders count="37">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top/>
      <bottom/>
      <diagonal/>
    </border>
    <border diagonalUp="1">
      <left style="thin">
        <color indexed="64"/>
      </left>
      <right style="thin">
        <color indexed="64"/>
      </right>
      <top style="thin">
        <color indexed="64"/>
      </top>
      <bottom style="hair">
        <color indexed="64"/>
      </bottom>
      <diagonal style="thin">
        <color indexed="64"/>
      </diagonal>
    </border>
    <border>
      <left style="medium">
        <color indexed="64"/>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style="medium">
        <color indexed="64"/>
      </left>
      <right style="thin">
        <color indexed="64"/>
      </right>
      <top/>
      <bottom style="hair">
        <color indexed="64"/>
      </bottom>
      <diagonal/>
    </border>
    <border>
      <left style="thin">
        <color indexed="64"/>
      </left>
      <right/>
      <top style="hair">
        <color indexed="64"/>
      </top>
      <bottom style="hair">
        <color indexed="64"/>
      </bottom>
      <diagonal/>
    </border>
    <border diagonalUp="1">
      <left style="thin">
        <color indexed="64"/>
      </left>
      <right style="thin">
        <color indexed="64"/>
      </right>
      <top style="hair">
        <color indexed="64"/>
      </top>
      <bottom style="hair">
        <color indexed="64"/>
      </bottom>
      <diagonal style="thin">
        <color indexed="64"/>
      </diagonal>
    </border>
    <border>
      <left style="medium">
        <color indexed="64"/>
      </left>
      <right style="thin">
        <color indexed="64"/>
      </right>
      <top style="hair">
        <color indexed="64"/>
      </top>
      <bottom style="hair">
        <color indexed="64"/>
      </bottom>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diagonalUp="1">
      <left style="thin">
        <color indexed="64"/>
      </left>
      <right style="thin">
        <color indexed="64"/>
      </right>
      <top/>
      <bottom style="thin">
        <color indexed="64"/>
      </bottom>
      <diagonal style="thin">
        <color indexed="64"/>
      </diagonal>
    </border>
    <border>
      <left style="medium">
        <color indexed="64"/>
      </left>
      <right style="thin">
        <color indexed="64"/>
      </right>
      <top style="thin">
        <color indexed="64"/>
      </top>
      <bottom/>
      <diagonal/>
    </border>
    <border>
      <left style="medium">
        <color indexed="64"/>
      </left>
      <right style="thin">
        <color indexed="64"/>
      </right>
      <top/>
      <bottom style="thin">
        <color indexed="64"/>
      </bottom>
      <diagonal/>
    </border>
    <border diagonalUp="1">
      <left style="thin">
        <color indexed="64"/>
      </left>
      <right style="thin">
        <color indexed="64"/>
      </right>
      <top style="hair">
        <color indexed="64"/>
      </top>
      <bottom style="thin">
        <color indexed="64"/>
      </bottom>
      <diagonal style="thin">
        <color indexed="64"/>
      </diagonal>
    </border>
    <border diagonalUp="1">
      <left style="thin">
        <color indexed="64"/>
      </left>
      <right style="thin">
        <color indexed="64"/>
      </right>
      <top/>
      <bottom/>
      <diagonal style="thin">
        <color indexed="64"/>
      </diagonal>
    </border>
    <border>
      <left style="thin">
        <color indexed="64"/>
      </left>
      <right/>
      <top style="hair">
        <color indexed="64"/>
      </top>
      <bottom/>
      <diagonal/>
    </border>
    <border>
      <left style="thin">
        <color indexed="64"/>
      </left>
      <right style="thin">
        <color indexed="64"/>
      </right>
      <top style="hair">
        <color indexed="64"/>
      </top>
      <bottom style="hair">
        <color indexed="64"/>
      </bottom>
      <diagonal/>
    </border>
    <border>
      <left style="medium">
        <color indexed="64"/>
      </left>
      <right style="thin">
        <color indexed="64"/>
      </right>
      <top style="thin">
        <color indexed="64"/>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diagonal style="thin">
        <color indexed="64"/>
      </diagonal>
    </border>
    <border>
      <left style="thin">
        <color indexed="64"/>
      </left>
      <right/>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bottom/>
      <diagonal/>
    </border>
    <border>
      <left style="thin">
        <color indexed="64"/>
      </left>
      <right style="thin">
        <color indexed="64"/>
      </right>
      <top style="hair">
        <color indexed="64"/>
      </top>
      <bottom/>
      <diagonal/>
    </border>
    <border>
      <left style="medium">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thin">
        <color indexed="64"/>
      </right>
      <top/>
      <bottom style="medium">
        <color indexed="64"/>
      </bottom>
      <diagonal/>
    </border>
  </borders>
  <cellStyleXfs count="6">
    <xf numFmtId="0" fontId="0" fillId="0" borderId="0">
      <alignment vertical="center"/>
    </xf>
    <xf numFmtId="0" fontId="6" fillId="0" borderId="0">
      <alignment vertical="center"/>
    </xf>
    <xf numFmtId="0" fontId="8" fillId="0" borderId="0">
      <alignment vertical="center"/>
    </xf>
    <xf numFmtId="38" fontId="15" fillId="0" borderId="0" applyFont="0" applyFill="0" applyBorder="0" applyAlignment="0" applyProtection="0">
      <alignment vertical="center"/>
    </xf>
    <xf numFmtId="0" fontId="15" fillId="0" borderId="0">
      <alignment vertical="center"/>
    </xf>
    <xf numFmtId="38" fontId="15" fillId="0" borderId="0" applyFont="0" applyFill="0" applyBorder="0" applyAlignment="0" applyProtection="0">
      <alignment vertical="center"/>
    </xf>
  </cellStyleXfs>
  <cellXfs count="137">
    <xf numFmtId="0" fontId="0" fillId="0" borderId="0" xfId="0">
      <alignment vertical="center"/>
    </xf>
    <xf numFmtId="0" fontId="2" fillId="0" borderId="0" xfId="0" applyFont="1">
      <alignment vertical="center"/>
    </xf>
    <xf numFmtId="0" fontId="3" fillId="0" borderId="0" xfId="0" applyFont="1">
      <alignment vertical="center"/>
    </xf>
    <xf numFmtId="0" fontId="4" fillId="0" borderId="0" xfId="0" applyFont="1">
      <alignment vertical="center"/>
    </xf>
    <xf numFmtId="0" fontId="5" fillId="0" borderId="0" xfId="0" applyFont="1">
      <alignment vertical="center"/>
    </xf>
    <xf numFmtId="0" fontId="7" fillId="0" borderId="0" xfId="1" applyFont="1" applyFill="1">
      <alignment vertical="center"/>
    </xf>
    <xf numFmtId="0" fontId="9" fillId="0" borderId="0" xfId="0" applyFont="1">
      <alignment vertical="center"/>
    </xf>
    <xf numFmtId="0" fontId="10" fillId="0" borderId="0" xfId="0" applyFont="1">
      <alignment vertical="center"/>
    </xf>
    <xf numFmtId="0" fontId="10" fillId="0" borderId="1" xfId="0" applyFont="1" applyBorder="1" applyAlignment="1">
      <alignment vertical="top" wrapText="1"/>
    </xf>
    <xf numFmtId="0" fontId="10" fillId="0" borderId="0" xfId="0" applyFont="1" applyAlignment="1">
      <alignment vertical="center" wrapText="1"/>
    </xf>
    <xf numFmtId="0" fontId="10" fillId="0" borderId="0" xfId="0" applyFont="1" applyAlignment="1">
      <alignment horizontal="right" vertical="center"/>
    </xf>
    <xf numFmtId="0" fontId="10" fillId="0" borderId="1" xfId="0" applyFont="1" applyFill="1" applyBorder="1" applyAlignment="1">
      <alignment horizontal="center" vertical="center" wrapText="1"/>
    </xf>
    <xf numFmtId="0" fontId="10" fillId="0" borderId="1" xfId="0" applyFont="1" applyBorder="1" applyAlignment="1">
      <alignment horizontal="center" vertical="center"/>
    </xf>
    <xf numFmtId="0" fontId="10" fillId="0" borderId="0" xfId="0" applyFont="1" applyFill="1" applyBorder="1">
      <alignment vertical="center"/>
    </xf>
    <xf numFmtId="0" fontId="11" fillId="0" borderId="0" xfId="1" applyFont="1" applyFill="1">
      <alignment vertical="center"/>
    </xf>
    <xf numFmtId="0" fontId="12" fillId="0" borderId="0" xfId="2" applyFont="1" applyFill="1" applyAlignment="1">
      <alignment horizontal="left" vertical="center"/>
    </xf>
    <xf numFmtId="0" fontId="14" fillId="0" borderId="0" xfId="2" applyFont="1" applyFill="1" applyAlignment="1">
      <alignment horizontal="left" vertical="center"/>
    </xf>
    <xf numFmtId="0" fontId="10" fillId="0" borderId="1" xfId="0" applyFont="1" applyFill="1" applyBorder="1" applyAlignment="1">
      <alignment horizontal="left" vertical="center" wrapText="1"/>
    </xf>
    <xf numFmtId="3" fontId="10" fillId="0" borderId="1" xfId="0" applyNumberFormat="1" applyFont="1" applyBorder="1" applyAlignment="1">
      <alignment horizontal="right" vertical="center"/>
    </xf>
    <xf numFmtId="38" fontId="10" fillId="0" borderId="1" xfId="3" applyFont="1" applyBorder="1" applyAlignment="1">
      <alignment horizontal="right" vertical="center"/>
    </xf>
    <xf numFmtId="0" fontId="10" fillId="0" borderId="1" xfId="0" applyFont="1" applyBorder="1" applyAlignment="1">
      <alignment vertical="center" wrapText="1"/>
    </xf>
    <xf numFmtId="38" fontId="10" fillId="0" borderId="0" xfId="3" applyFont="1" applyBorder="1" applyAlignment="1">
      <alignment horizontal="right" vertical="center"/>
    </xf>
    <xf numFmtId="0" fontId="10" fillId="0" borderId="0" xfId="0" applyFont="1" applyBorder="1" applyAlignment="1">
      <alignment vertical="center" wrapText="1"/>
    </xf>
    <xf numFmtId="0" fontId="10" fillId="0" borderId="2" xfId="0" applyFont="1" applyBorder="1" applyAlignment="1">
      <alignment horizontal="left" vertical="top" wrapText="1"/>
    </xf>
    <xf numFmtId="0" fontId="10" fillId="0" borderId="0" xfId="0" applyFont="1" applyAlignment="1">
      <alignment vertical="center" shrinkToFit="1"/>
    </xf>
    <xf numFmtId="0" fontId="10" fillId="0" borderId="4" xfId="0" applyFont="1" applyBorder="1">
      <alignment vertical="center"/>
    </xf>
    <xf numFmtId="0" fontId="16" fillId="0" borderId="0" xfId="0" applyFont="1">
      <alignment vertical="center"/>
    </xf>
    <xf numFmtId="0" fontId="5" fillId="0" borderId="0" xfId="0" applyFont="1" applyAlignment="1">
      <alignment horizontal="right" vertical="center"/>
    </xf>
    <xf numFmtId="0" fontId="10" fillId="0" borderId="0" xfId="0" applyFont="1" applyAlignment="1">
      <alignment vertical="center"/>
    </xf>
    <xf numFmtId="0" fontId="10" fillId="2" borderId="5" xfId="0" applyFont="1" applyFill="1" applyBorder="1" applyAlignment="1">
      <alignment horizontal="center" vertical="center"/>
    </xf>
    <xf numFmtId="0" fontId="10" fillId="2" borderId="6" xfId="0" applyFont="1" applyFill="1" applyBorder="1" applyAlignment="1">
      <alignment horizontal="center" vertical="center"/>
    </xf>
    <xf numFmtId="177" fontId="10" fillId="2" borderId="7" xfId="0" applyNumberFormat="1" applyFont="1" applyFill="1" applyBorder="1" applyAlignment="1">
      <alignment horizontal="center" vertical="center" wrapText="1"/>
    </xf>
    <xf numFmtId="178" fontId="10" fillId="2" borderId="7" xfId="0" applyNumberFormat="1" applyFont="1" applyFill="1" applyBorder="1" applyAlignment="1">
      <alignment horizontal="center" vertical="center" wrapText="1"/>
    </xf>
    <xf numFmtId="0" fontId="10" fillId="0" borderId="8" xfId="0" applyFont="1" applyFill="1" applyBorder="1" applyAlignment="1">
      <alignment horizontal="center" vertical="center"/>
    </xf>
    <xf numFmtId="0" fontId="10" fillId="0" borderId="9" xfId="0" applyFont="1" applyFill="1" applyBorder="1" applyAlignment="1">
      <alignment horizontal="left" vertical="center"/>
    </xf>
    <xf numFmtId="177" fontId="10" fillId="0" borderId="10" xfId="0" applyNumberFormat="1" applyFont="1" applyFill="1" applyBorder="1">
      <alignment vertical="center"/>
    </xf>
    <xf numFmtId="178" fontId="10" fillId="0" borderId="10" xfId="0" applyNumberFormat="1" applyFont="1" applyFill="1" applyBorder="1">
      <alignment vertical="center"/>
    </xf>
    <xf numFmtId="0" fontId="10" fillId="0" borderId="12" xfId="0" applyFont="1" applyFill="1" applyBorder="1">
      <alignment vertical="center"/>
    </xf>
    <xf numFmtId="0" fontId="10" fillId="0" borderId="13" xfId="0" applyFont="1" applyBorder="1" applyAlignment="1">
      <alignment horizontal="center" vertical="center"/>
    </xf>
    <xf numFmtId="0" fontId="10" fillId="0" borderId="14" xfId="0" applyFont="1" applyFill="1" applyBorder="1">
      <alignment vertical="center"/>
    </xf>
    <xf numFmtId="177" fontId="10" fillId="0" borderId="15" xfId="0" applyNumberFormat="1" applyFont="1" applyFill="1" applyBorder="1">
      <alignment vertical="center"/>
    </xf>
    <xf numFmtId="178" fontId="10" fillId="0" borderId="15" xfId="0" applyNumberFormat="1" applyFont="1" applyFill="1" applyBorder="1">
      <alignment vertical="center"/>
    </xf>
    <xf numFmtId="0" fontId="10" fillId="0" borderId="16" xfId="0" applyFont="1" applyBorder="1" applyAlignment="1">
      <alignment horizontal="center" vertical="center"/>
    </xf>
    <xf numFmtId="0" fontId="10" fillId="0" borderId="17" xfId="0" applyFont="1" applyBorder="1" applyAlignment="1">
      <alignment horizontal="center" vertical="center"/>
    </xf>
    <xf numFmtId="0" fontId="10" fillId="0" borderId="18" xfId="0" applyFont="1" applyFill="1" applyBorder="1">
      <alignment vertical="center"/>
    </xf>
    <xf numFmtId="177" fontId="10" fillId="0" borderId="19" xfId="0" applyNumberFormat="1" applyFont="1" applyFill="1" applyBorder="1">
      <alignment vertical="center"/>
    </xf>
    <xf numFmtId="178" fontId="10" fillId="0" borderId="19" xfId="0" applyNumberFormat="1" applyFont="1" applyFill="1" applyBorder="1">
      <alignment vertical="center"/>
    </xf>
    <xf numFmtId="0" fontId="10" fillId="0" borderId="20" xfId="0" applyFont="1" applyBorder="1" applyAlignment="1">
      <alignment horizontal="center" vertical="center" wrapText="1"/>
    </xf>
    <xf numFmtId="0" fontId="10" fillId="0" borderId="8" xfId="0" applyFont="1" applyBorder="1" applyAlignment="1">
      <alignment horizontal="center" vertical="center"/>
    </xf>
    <xf numFmtId="0" fontId="10" fillId="0" borderId="21" xfId="0" applyFont="1" applyBorder="1" applyAlignment="1">
      <alignment horizontal="center" vertical="center"/>
    </xf>
    <xf numFmtId="177" fontId="10" fillId="0" borderId="22" xfId="0" applyNumberFormat="1" applyFont="1" applyFill="1" applyBorder="1">
      <alignment vertical="center"/>
    </xf>
    <xf numFmtId="178" fontId="10" fillId="0" borderId="22" xfId="0" applyNumberFormat="1" applyFont="1" applyFill="1" applyBorder="1">
      <alignment vertical="center"/>
    </xf>
    <xf numFmtId="177" fontId="10" fillId="0" borderId="23" xfId="0" applyNumberFormat="1" applyFont="1" applyFill="1" applyBorder="1">
      <alignment vertical="center"/>
    </xf>
    <xf numFmtId="178" fontId="10" fillId="0" borderId="23" xfId="0" applyNumberFormat="1" applyFont="1" applyFill="1" applyBorder="1">
      <alignment vertical="center"/>
    </xf>
    <xf numFmtId="0" fontId="10" fillId="0" borderId="24" xfId="0" applyFont="1" applyFill="1" applyBorder="1">
      <alignment vertical="center"/>
    </xf>
    <xf numFmtId="0" fontId="10" fillId="0" borderId="25" xfId="0" applyFont="1" applyFill="1" applyBorder="1">
      <alignment vertical="center"/>
    </xf>
    <xf numFmtId="0" fontId="10" fillId="0" borderId="26" xfId="0" applyFont="1" applyBorder="1" applyAlignment="1">
      <alignment horizontal="center" vertical="center"/>
    </xf>
    <xf numFmtId="0" fontId="10" fillId="0" borderId="3" xfId="0" applyFont="1" applyFill="1" applyBorder="1">
      <alignment vertical="center"/>
    </xf>
    <xf numFmtId="177" fontId="10" fillId="0" borderId="27" xfId="0" applyNumberFormat="1" applyFont="1" applyFill="1" applyBorder="1">
      <alignment vertical="center"/>
    </xf>
    <xf numFmtId="178" fontId="10" fillId="0" borderId="27" xfId="0" applyNumberFormat="1" applyFont="1" applyFill="1" applyBorder="1">
      <alignment vertical="center"/>
    </xf>
    <xf numFmtId="0" fontId="10" fillId="0" borderId="20" xfId="0" applyFont="1" applyBorder="1" applyAlignment="1">
      <alignment horizontal="center" vertical="center"/>
    </xf>
    <xf numFmtId="177" fontId="10" fillId="0" borderId="28" xfId="0" applyNumberFormat="1" applyFont="1" applyFill="1" applyBorder="1">
      <alignment vertical="center"/>
    </xf>
    <xf numFmtId="178" fontId="10" fillId="0" borderId="33" xfId="0" applyNumberFormat="1" applyFont="1" applyFill="1" applyBorder="1">
      <alignment vertical="center"/>
    </xf>
    <xf numFmtId="178" fontId="10" fillId="0" borderId="25" xfId="0" applyNumberFormat="1" applyFont="1" applyFill="1" applyBorder="1">
      <alignment vertical="center"/>
    </xf>
    <xf numFmtId="178" fontId="10" fillId="0" borderId="32" xfId="0" applyNumberFormat="1" applyFont="1" applyFill="1" applyBorder="1">
      <alignment vertical="center"/>
    </xf>
    <xf numFmtId="178" fontId="10" fillId="0" borderId="31" xfId="0" applyNumberFormat="1" applyFont="1" applyFill="1" applyBorder="1">
      <alignment vertical="center"/>
    </xf>
    <xf numFmtId="177" fontId="10" fillId="0" borderId="23" xfId="0" applyNumberFormat="1" applyFont="1" applyFill="1" applyBorder="1" applyAlignment="1">
      <alignment horizontal="left" vertical="center"/>
    </xf>
    <xf numFmtId="178" fontId="10" fillId="0" borderId="32" xfId="0" applyNumberFormat="1" applyFont="1" applyFill="1" applyBorder="1" applyAlignment="1">
      <alignment vertical="center"/>
    </xf>
    <xf numFmtId="0" fontId="10" fillId="0" borderId="29" xfId="0" applyFont="1" applyFill="1" applyBorder="1">
      <alignment vertical="center"/>
    </xf>
    <xf numFmtId="177" fontId="10" fillId="0" borderId="30" xfId="0" applyNumberFormat="1" applyFont="1" applyFill="1" applyBorder="1">
      <alignment vertical="center"/>
    </xf>
    <xf numFmtId="178" fontId="10" fillId="0" borderId="30" xfId="0" applyNumberFormat="1" applyFont="1" applyFill="1" applyBorder="1">
      <alignment vertical="center"/>
    </xf>
    <xf numFmtId="177" fontId="10" fillId="0" borderId="25" xfId="0" applyNumberFormat="1" applyFont="1" applyFill="1" applyBorder="1">
      <alignment vertical="center"/>
    </xf>
    <xf numFmtId="177" fontId="10" fillId="0" borderId="31" xfId="0" applyNumberFormat="1" applyFont="1" applyFill="1" applyBorder="1">
      <alignment vertical="center"/>
    </xf>
    <xf numFmtId="177" fontId="10" fillId="0" borderId="1" xfId="0" applyNumberFormat="1" applyFont="1" applyFill="1" applyBorder="1">
      <alignment vertical="center"/>
    </xf>
    <xf numFmtId="178" fontId="10" fillId="0" borderId="1" xfId="0" applyNumberFormat="1" applyFont="1" applyFill="1" applyBorder="1">
      <alignment vertical="center"/>
    </xf>
    <xf numFmtId="177" fontId="10" fillId="0" borderId="32" xfId="0" applyNumberFormat="1" applyFont="1" applyFill="1" applyBorder="1">
      <alignment vertical="center"/>
    </xf>
    <xf numFmtId="177" fontId="10" fillId="0" borderId="33" xfId="0" applyNumberFormat="1" applyFont="1" applyFill="1" applyBorder="1">
      <alignment vertical="center"/>
    </xf>
    <xf numFmtId="0" fontId="19" fillId="0" borderId="14" xfId="0" applyFont="1" applyFill="1" applyBorder="1">
      <alignment vertical="center"/>
    </xf>
    <xf numFmtId="177" fontId="19" fillId="0" borderId="25" xfId="0" applyNumberFormat="1" applyFont="1" applyFill="1" applyBorder="1">
      <alignment vertical="center"/>
    </xf>
    <xf numFmtId="178" fontId="19" fillId="0" borderId="25" xfId="0" applyNumberFormat="1" applyFont="1" applyFill="1" applyBorder="1">
      <alignment vertical="center"/>
    </xf>
    <xf numFmtId="0" fontId="10" fillId="0" borderId="34" xfId="0" applyFont="1" applyBorder="1" applyAlignment="1">
      <alignment horizontal="center" vertical="center"/>
    </xf>
    <xf numFmtId="0" fontId="10" fillId="0" borderId="35" xfId="0" applyFont="1" applyFill="1" applyBorder="1">
      <alignment vertical="center"/>
    </xf>
    <xf numFmtId="177" fontId="10" fillId="0" borderId="36" xfId="0" applyNumberFormat="1" applyFont="1" applyFill="1" applyBorder="1">
      <alignment vertical="center"/>
    </xf>
    <xf numFmtId="178" fontId="10" fillId="0" borderId="36" xfId="0" applyNumberFormat="1" applyFont="1" applyFill="1" applyBorder="1">
      <alignment vertical="center"/>
    </xf>
    <xf numFmtId="0" fontId="10" fillId="2" borderId="1" xfId="0" applyFont="1" applyFill="1" applyBorder="1" applyAlignment="1">
      <alignment horizontal="center" vertical="center"/>
    </xf>
    <xf numFmtId="0" fontId="10" fillId="0" borderId="11" xfId="0" applyFont="1" applyBorder="1" applyAlignment="1">
      <alignment horizontal="center" vertical="center"/>
    </xf>
    <xf numFmtId="0" fontId="2" fillId="0" borderId="0" xfId="4" applyFont="1">
      <alignment vertical="center"/>
    </xf>
    <xf numFmtId="0" fontId="9" fillId="0" borderId="0" xfId="4" applyFont="1">
      <alignment vertical="center"/>
    </xf>
    <xf numFmtId="0" fontId="10" fillId="0" borderId="0" xfId="4" applyFont="1">
      <alignment vertical="center"/>
    </xf>
    <xf numFmtId="0" fontId="10" fillId="0" borderId="1" xfId="4" applyFont="1" applyBorder="1" applyAlignment="1">
      <alignment vertical="top" wrapText="1"/>
    </xf>
    <xf numFmtId="0" fontId="10" fillId="0" borderId="0" xfId="4" applyFont="1" applyAlignment="1">
      <alignment vertical="center" wrapText="1"/>
    </xf>
    <xf numFmtId="0" fontId="10" fillId="0" borderId="0" xfId="4" applyFont="1" applyAlignment="1">
      <alignment horizontal="right" vertical="center"/>
    </xf>
    <xf numFmtId="0" fontId="10" fillId="0" borderId="1" xfId="4" applyFont="1" applyFill="1" applyBorder="1" applyAlignment="1">
      <alignment horizontal="center" vertical="center" wrapText="1"/>
    </xf>
    <xf numFmtId="0" fontId="10" fillId="0" borderId="1" xfId="4" applyFont="1" applyBorder="1" applyAlignment="1">
      <alignment horizontal="center" vertical="center"/>
    </xf>
    <xf numFmtId="0" fontId="10" fillId="0" borderId="1" xfId="4" applyFont="1" applyFill="1" applyBorder="1" applyAlignment="1">
      <alignment horizontal="left" vertical="center" wrapText="1"/>
    </xf>
    <xf numFmtId="3" fontId="10" fillId="0" borderId="1" xfId="4" applyNumberFormat="1" applyFont="1" applyBorder="1" applyAlignment="1">
      <alignment horizontal="right" vertical="center"/>
    </xf>
    <xf numFmtId="38" fontId="10" fillId="0" borderId="1" xfId="5" applyFont="1" applyBorder="1" applyAlignment="1">
      <alignment horizontal="right" vertical="center"/>
    </xf>
    <xf numFmtId="0" fontId="10" fillId="0" borderId="0" xfId="4" applyFont="1" applyFill="1" applyBorder="1">
      <alignment vertical="center"/>
    </xf>
    <xf numFmtId="38" fontId="10" fillId="0" borderId="1" xfId="5" applyFont="1" applyFill="1" applyBorder="1" applyAlignment="1">
      <alignment horizontal="right" vertical="center"/>
    </xf>
    <xf numFmtId="0" fontId="10" fillId="0" borderId="1" xfId="4" applyFont="1" applyBorder="1" applyAlignment="1">
      <alignment vertical="center" wrapText="1"/>
    </xf>
    <xf numFmtId="38" fontId="10" fillId="0" borderId="0" xfId="5" applyFont="1" applyBorder="1" applyAlignment="1">
      <alignment horizontal="right" vertical="center"/>
    </xf>
    <xf numFmtId="0" fontId="10" fillId="0" borderId="0" xfId="4" applyFont="1" applyBorder="1" applyAlignment="1">
      <alignment vertical="center" wrapText="1"/>
    </xf>
    <xf numFmtId="0" fontId="10" fillId="0" borderId="0" xfId="4" applyFont="1" applyFill="1">
      <alignment vertical="center"/>
    </xf>
    <xf numFmtId="0" fontId="4" fillId="0" borderId="0" xfId="4" applyFont="1" applyAlignment="1">
      <alignment horizontal="right" vertical="center"/>
    </xf>
    <xf numFmtId="0" fontId="5" fillId="0" borderId="0" xfId="4" applyFont="1">
      <alignment vertical="center"/>
    </xf>
    <xf numFmtId="0" fontId="4" fillId="0" borderId="0" xfId="4" applyFont="1">
      <alignment vertical="center"/>
    </xf>
    <xf numFmtId="0" fontId="3" fillId="0" borderId="0" xfId="4" applyFont="1">
      <alignment vertical="center"/>
    </xf>
    <xf numFmtId="0" fontId="10" fillId="0" borderId="0" xfId="0" applyFont="1" applyBorder="1" applyAlignment="1">
      <alignment horizontal="center" vertical="center"/>
    </xf>
    <xf numFmtId="0" fontId="10" fillId="0" borderId="0" xfId="0" applyFont="1" applyBorder="1">
      <alignment vertical="center"/>
    </xf>
    <xf numFmtId="0" fontId="10" fillId="0" borderId="1" xfId="4" applyFont="1" applyBorder="1" applyAlignment="1">
      <alignment horizontal="left" vertical="top" wrapText="1"/>
    </xf>
    <xf numFmtId="0" fontId="10" fillId="0" borderId="1" xfId="0" applyFont="1" applyBorder="1" applyAlignment="1">
      <alignment horizontal="center" vertical="center"/>
    </xf>
    <xf numFmtId="0" fontId="10" fillId="0" borderId="1" xfId="0" applyFont="1" applyBorder="1" applyAlignment="1">
      <alignment vertical="center" shrinkToFit="1"/>
    </xf>
    <xf numFmtId="0" fontId="10" fillId="0" borderId="0" xfId="4" applyFont="1" applyFill="1" applyAlignment="1">
      <alignment horizontal="left" vertical="center"/>
    </xf>
    <xf numFmtId="0" fontId="9" fillId="0" borderId="0" xfId="4" applyFont="1" applyFill="1">
      <alignment vertical="center"/>
    </xf>
    <xf numFmtId="0" fontId="10" fillId="0" borderId="0" xfId="4" applyFont="1" applyFill="1" applyAlignment="1">
      <alignment horizontal="left" vertical="top" wrapText="1"/>
    </xf>
    <xf numFmtId="0" fontId="10" fillId="0" borderId="3" xfId="4" applyFont="1" applyBorder="1" applyAlignment="1">
      <alignment horizontal="left" vertical="top" wrapText="1"/>
    </xf>
    <xf numFmtId="0" fontId="10" fillId="0" borderId="4" xfId="4" applyFont="1" applyBorder="1" applyAlignment="1">
      <alignment horizontal="left" vertical="top" wrapText="1"/>
    </xf>
    <xf numFmtId="0" fontId="13" fillId="0" borderId="0" xfId="4" applyFont="1" applyAlignment="1">
      <alignment horizontal="center" vertical="center"/>
    </xf>
    <xf numFmtId="0" fontId="10" fillId="0" borderId="1" xfId="4" applyFont="1" applyBorder="1" applyAlignment="1">
      <alignment horizontal="left" vertical="top" wrapText="1"/>
    </xf>
    <xf numFmtId="0" fontId="10" fillId="0" borderId="1" xfId="0" applyFont="1" applyBorder="1" applyAlignment="1">
      <alignment horizontal="center" vertical="center"/>
    </xf>
    <xf numFmtId="0" fontId="10" fillId="0" borderId="0" xfId="4" applyFont="1" applyFill="1" applyAlignment="1">
      <alignment horizontal="left" vertical="top" wrapText="1"/>
    </xf>
    <xf numFmtId="0" fontId="10" fillId="0" borderId="0" xfId="4" applyFont="1" applyFill="1" applyAlignment="1">
      <alignment horizontal="left" vertical="center"/>
    </xf>
    <xf numFmtId="0" fontId="10" fillId="0" borderId="0" xfId="4" applyFont="1" applyFill="1" applyAlignment="1">
      <alignment vertical="top" wrapText="1"/>
    </xf>
    <xf numFmtId="0" fontId="17" fillId="0" borderId="0" xfId="0" applyFont="1" applyAlignment="1">
      <alignment horizontal="right" vertical="center"/>
    </xf>
    <xf numFmtId="0" fontId="10" fillId="0" borderId="0" xfId="0" applyFont="1" applyFill="1" applyAlignment="1">
      <alignment vertical="top" wrapText="1"/>
    </xf>
    <xf numFmtId="0" fontId="10" fillId="0" borderId="0" xfId="4" applyFont="1" applyFill="1" applyAlignment="1">
      <alignment horizontal="left" vertical="center" wrapText="1"/>
    </xf>
    <xf numFmtId="0" fontId="5" fillId="0" borderId="0" xfId="4" applyFont="1" applyAlignment="1">
      <alignment horizontal="left" vertical="center" wrapText="1"/>
    </xf>
    <xf numFmtId="0" fontId="10" fillId="0" borderId="1" xfId="0" applyFont="1" applyBorder="1" applyAlignment="1">
      <alignment horizontal="center" vertical="center" shrinkToFit="1"/>
    </xf>
    <xf numFmtId="0" fontId="10" fillId="0" borderId="3" xfId="0" applyFont="1" applyBorder="1" applyAlignment="1">
      <alignment horizontal="center" vertical="center" shrinkToFit="1"/>
    </xf>
    <xf numFmtId="176" fontId="10" fillId="0" borderId="1" xfId="0" applyNumberFormat="1" applyFont="1" applyBorder="1" applyAlignment="1">
      <alignment horizontal="center" vertical="center" shrinkToFit="1"/>
    </xf>
    <xf numFmtId="0" fontId="13" fillId="0" borderId="0" xfId="0" applyFont="1" applyAlignment="1">
      <alignment horizontal="center" vertical="center"/>
    </xf>
    <xf numFmtId="0" fontId="18" fillId="0" borderId="0" xfId="0" applyFont="1" applyAlignment="1">
      <alignment horizontal="right" vertical="center"/>
    </xf>
    <xf numFmtId="0" fontId="10" fillId="0" borderId="1" xfId="0" applyFont="1" applyBorder="1" applyAlignment="1">
      <alignment horizontal="left" vertical="top" wrapText="1"/>
    </xf>
    <xf numFmtId="0" fontId="10" fillId="0" borderId="0" xfId="0" applyFont="1" applyAlignment="1">
      <alignment horizontal="left" vertical="center" wrapText="1"/>
    </xf>
    <xf numFmtId="0" fontId="10" fillId="0" borderId="2" xfId="0" applyFont="1" applyBorder="1" applyAlignment="1">
      <alignment horizontal="left" vertical="top" wrapText="1"/>
    </xf>
    <xf numFmtId="0" fontId="10" fillId="0" borderId="3" xfId="0" applyFont="1" applyBorder="1" applyAlignment="1">
      <alignment horizontal="left" vertical="top" wrapText="1"/>
    </xf>
    <xf numFmtId="0" fontId="10" fillId="0" borderId="4" xfId="0" applyFont="1" applyBorder="1" applyAlignment="1">
      <alignment horizontal="left" vertical="top" wrapText="1"/>
    </xf>
  </cellXfs>
  <cellStyles count="6">
    <cellStyle name="桁区切り" xfId="3" builtinId="6"/>
    <cellStyle name="桁区切り 6" xfId="5"/>
    <cellStyle name="標準" xfId="0" builtinId="0"/>
    <cellStyle name="標準 13" xfId="4"/>
    <cellStyle name="標準 2" xfId="1"/>
    <cellStyle name="標準 4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2" Type="http://schemas.openxmlformats.org/officeDocument/2006/relationships/image" Target="../media/image4.emf"/><Relationship Id="rId1" Type="http://schemas.openxmlformats.org/officeDocument/2006/relationships/image" Target="../media/image3.emf"/></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_rels/vmlDrawing2.v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image" Target="../media/image5.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71437</xdr:colOff>
          <xdr:row>43</xdr:row>
          <xdr:rowOff>71438</xdr:rowOff>
        </xdr:from>
        <xdr:to>
          <xdr:col>3</xdr:col>
          <xdr:colOff>1481137</xdr:colOff>
          <xdr:row>46</xdr:row>
          <xdr:rowOff>100012</xdr:rowOff>
        </xdr:to>
        <xdr:pic>
          <xdr:nvPicPr>
            <xdr:cNvPr id="3" name="図 2"/>
            <xdr:cNvPicPr>
              <a:picLocks noChangeAspect="1" noChangeArrowheads="1"/>
              <a:extLst>
                <a:ext uri="{84589F7E-364E-4C9E-8A38-B11213B215E9}">
                  <a14:cameraTool cellRange="#REF!" spid="_x0000_s2217"/>
                </a:ext>
              </a:extLst>
            </xdr:cNvPicPr>
          </xdr:nvPicPr>
          <xdr:blipFill>
            <a:blip xmlns:r="http://schemas.openxmlformats.org/officeDocument/2006/relationships" r:embed="rId1"/>
            <a:srcRect/>
            <a:stretch>
              <a:fillRect/>
            </a:stretch>
          </xdr:blipFill>
          <xdr:spPr bwMode="auto">
            <a:xfrm>
              <a:off x="381000" y="31122938"/>
              <a:ext cx="8243887" cy="528637"/>
            </a:xfrm>
            <a:prstGeom prst="rect">
              <a:avLst/>
            </a:prstGeom>
            <a:solidFill>
              <a:srgbClr val="FFFFFF" mc:Ignorable="a14" a14:legacySpreadsheetColorIndex="9"/>
            </a:solidFill>
            <a:ln w="9525">
              <a:solidFill>
                <a:srgbClr val="000000" mc:Ignorable="a14" a14:legacySpreadsheetColorIndex="64"/>
              </a:solidFill>
              <a:miter lim="800000"/>
              <a:headEnd/>
              <a:tailEnd/>
            </a:ln>
          </xdr:spPr>
        </xdr:pic>
        <xdr:clientData/>
      </xdr:two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367145</xdr:colOff>
          <xdr:row>103</xdr:row>
          <xdr:rowOff>32904</xdr:rowOff>
        </xdr:from>
        <xdr:to>
          <xdr:col>2</xdr:col>
          <xdr:colOff>4558144</xdr:colOff>
          <xdr:row>107</xdr:row>
          <xdr:rowOff>119494</xdr:rowOff>
        </xdr:to>
        <xdr:pic>
          <xdr:nvPicPr>
            <xdr:cNvPr id="2" name="図 1"/>
            <xdr:cNvPicPr>
              <a:picLocks noChangeAspect="1" noChangeArrowheads="1"/>
              <a:extLst>
                <a:ext uri="{84589F7E-364E-4C9E-8A38-B11213B215E9}">
                  <a14:cameraTool cellRange="$G$82:$R$84" spid="_x0000_s5415"/>
                </a:ext>
              </a:extLst>
            </xdr:cNvPicPr>
          </xdr:nvPicPr>
          <xdr:blipFill>
            <a:blip xmlns:r="http://schemas.openxmlformats.org/officeDocument/2006/relationships" r:embed="rId1"/>
            <a:srcRect/>
            <a:stretch>
              <a:fillRect/>
            </a:stretch>
          </xdr:blipFill>
          <xdr:spPr bwMode="auto">
            <a:xfrm>
              <a:off x="671945" y="28207854"/>
              <a:ext cx="8315324" cy="772390"/>
            </a:xfrm>
            <a:prstGeom prst="rect">
              <a:avLst/>
            </a:prstGeom>
            <a:solidFill>
              <a:srgbClr val="FFFFFF" mc:Ignorable="a14" a14:legacySpreadsheetColorIndex="9"/>
            </a:solidFill>
            <a:ln w="9525">
              <a:noFill/>
              <a:miter lim="800000"/>
              <a:headEnd/>
              <a:tailEnd/>
            </a:ln>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367145</xdr:colOff>
          <xdr:row>80</xdr:row>
          <xdr:rowOff>32904</xdr:rowOff>
        </xdr:from>
        <xdr:to>
          <xdr:col>2</xdr:col>
          <xdr:colOff>4558144</xdr:colOff>
          <xdr:row>83</xdr:row>
          <xdr:rowOff>32904</xdr:rowOff>
        </xdr:to>
        <xdr:pic>
          <xdr:nvPicPr>
            <xdr:cNvPr id="3" name="図 2"/>
            <xdr:cNvPicPr>
              <a:picLocks noChangeAspect="1" noChangeArrowheads="1"/>
              <a:extLst>
                <a:ext uri="{84589F7E-364E-4C9E-8A38-B11213B215E9}">
                  <a14:cameraTool cellRange="$G$77:$R$79" spid="_x0000_s5416"/>
                </a:ext>
              </a:extLst>
            </xdr:cNvPicPr>
          </xdr:nvPicPr>
          <xdr:blipFill>
            <a:blip xmlns:r="http://schemas.openxmlformats.org/officeDocument/2006/relationships" r:embed="rId2"/>
            <a:srcRect/>
            <a:stretch>
              <a:fillRect/>
            </a:stretch>
          </xdr:blipFill>
          <xdr:spPr bwMode="auto">
            <a:xfrm>
              <a:off x="671945" y="22730979"/>
              <a:ext cx="8315324" cy="800100"/>
            </a:xfrm>
            <a:prstGeom prst="rect">
              <a:avLst/>
            </a:prstGeom>
            <a:solidFill>
              <a:srgbClr val="FFFFFF" mc:Ignorable="a14" a14:legacySpreadsheetColorIndex="9"/>
            </a:solidFill>
            <a:ln w="9525">
              <a:noFill/>
              <a:miter lim="800000"/>
              <a:headEnd/>
              <a:tailEnd/>
            </a:ln>
          </xdr:spPr>
        </xdr:pic>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81"/>
  <sheetViews>
    <sheetView tabSelected="1" view="pageBreakPreview" zoomScale="55" zoomScaleNormal="40" zoomScaleSheetLayoutView="55" workbookViewId="0">
      <selection activeCell="L54" sqref="L54"/>
    </sheetView>
  </sheetViews>
  <sheetFormatPr defaultRowHeight="13.5" x14ac:dyDescent="0.15"/>
  <cols>
    <col min="1" max="1" width="4.125" style="106" customWidth="1"/>
    <col min="2" max="2" width="54.125" style="86" customWidth="1"/>
    <col min="3" max="3" width="46.5" style="86" customWidth="1"/>
    <col min="4" max="4" width="66.75" style="86" customWidth="1"/>
    <col min="5" max="16384" width="9" style="86"/>
  </cols>
  <sheetData>
    <row r="1" spans="1:4" s="14" customFormat="1" ht="22.5" customHeight="1" x14ac:dyDescent="0.15">
      <c r="B1" s="15" t="s">
        <v>38</v>
      </c>
    </row>
    <row r="2" spans="1:4" s="5" customFormat="1" ht="22.5" customHeight="1" x14ac:dyDescent="0.15">
      <c r="B2" s="16"/>
    </row>
    <row r="3" spans="1:4" s="5" customFormat="1" ht="22.5" customHeight="1" x14ac:dyDescent="0.15">
      <c r="B3" s="16"/>
    </row>
    <row r="4" spans="1:4" ht="122.25" customHeight="1" x14ac:dyDescent="0.15">
      <c r="A4" s="117" t="s">
        <v>134</v>
      </c>
      <c r="B4" s="117"/>
      <c r="C4" s="117"/>
      <c r="D4" s="117"/>
    </row>
    <row r="5" spans="1:4" s="88" customFormat="1" ht="21" x14ac:dyDescent="0.15">
      <c r="A5" s="87" t="s">
        <v>133</v>
      </c>
    </row>
    <row r="6" spans="1:4" s="7" customFormat="1" ht="21" x14ac:dyDescent="0.15">
      <c r="A6" s="6"/>
    </row>
    <row r="7" spans="1:4" s="7" customFormat="1" ht="21" x14ac:dyDescent="0.15">
      <c r="A7" s="6"/>
      <c r="B7" s="84" t="s">
        <v>51</v>
      </c>
      <c r="C7" s="84" t="s">
        <v>52</v>
      </c>
      <c r="D7" s="28"/>
    </row>
    <row r="8" spans="1:4" s="7" customFormat="1" ht="21" x14ac:dyDescent="0.15">
      <c r="A8" s="6"/>
      <c r="B8" s="110" t="s">
        <v>50</v>
      </c>
      <c r="C8" s="111" t="s">
        <v>50</v>
      </c>
      <c r="D8" s="10"/>
    </row>
    <row r="9" spans="1:4" s="7" customFormat="1" ht="21" x14ac:dyDescent="0.15">
      <c r="A9" s="6"/>
      <c r="B9" s="119" t="s">
        <v>132</v>
      </c>
      <c r="C9" s="111" t="s">
        <v>55</v>
      </c>
      <c r="D9" s="10"/>
    </row>
    <row r="10" spans="1:4" s="7" customFormat="1" ht="21" x14ac:dyDescent="0.15">
      <c r="A10" s="6"/>
      <c r="B10" s="119"/>
      <c r="C10" s="111" t="s">
        <v>57</v>
      </c>
      <c r="D10" s="10"/>
    </row>
    <row r="11" spans="1:4" s="7" customFormat="1" ht="21" x14ac:dyDescent="0.15">
      <c r="A11" s="6"/>
      <c r="B11" s="110" t="s">
        <v>69</v>
      </c>
      <c r="C11" s="111" t="s">
        <v>69</v>
      </c>
      <c r="D11" s="10"/>
    </row>
    <row r="12" spans="1:4" s="7" customFormat="1" ht="21" x14ac:dyDescent="0.15">
      <c r="A12" s="6"/>
      <c r="B12" s="107"/>
      <c r="C12" s="108"/>
      <c r="D12" s="10"/>
    </row>
    <row r="13" spans="1:4" s="88" customFormat="1" ht="21" x14ac:dyDescent="0.15">
      <c r="A13" s="87" t="s">
        <v>131</v>
      </c>
    </row>
    <row r="14" spans="1:4" s="88" customFormat="1" ht="21" x14ac:dyDescent="0.15">
      <c r="A14" s="87"/>
    </row>
    <row r="15" spans="1:4" s="88" customFormat="1" ht="316.5" customHeight="1" x14ac:dyDescent="0.15">
      <c r="A15" s="87"/>
      <c r="B15" s="89" t="s">
        <v>3</v>
      </c>
      <c r="C15" s="118" t="s">
        <v>127</v>
      </c>
      <c r="D15" s="118"/>
    </row>
    <row r="16" spans="1:4" s="88" customFormat="1" ht="219.75" customHeight="1" x14ac:dyDescent="0.15">
      <c r="A16" s="87"/>
      <c r="B16" s="89" t="s">
        <v>4</v>
      </c>
      <c r="C16" s="118" t="s">
        <v>20</v>
      </c>
      <c r="D16" s="118"/>
    </row>
    <row r="17" spans="1:4" s="88" customFormat="1" ht="395.25" customHeight="1" x14ac:dyDescent="0.15">
      <c r="A17" s="87"/>
      <c r="B17" s="109" t="s">
        <v>5</v>
      </c>
      <c r="C17" s="118" t="s">
        <v>151</v>
      </c>
      <c r="D17" s="118"/>
    </row>
    <row r="18" spans="1:4" s="88" customFormat="1" ht="236.25" customHeight="1" x14ac:dyDescent="0.15">
      <c r="A18" s="87"/>
      <c r="B18" s="89" t="s">
        <v>6</v>
      </c>
      <c r="C18" s="118" t="s">
        <v>15</v>
      </c>
      <c r="D18" s="118"/>
    </row>
    <row r="19" spans="1:4" s="88" customFormat="1" ht="73.5" customHeight="1" x14ac:dyDescent="0.15">
      <c r="A19" s="87"/>
      <c r="B19" s="89" t="s">
        <v>7</v>
      </c>
      <c r="C19" s="115" t="s">
        <v>128</v>
      </c>
      <c r="D19" s="116"/>
    </row>
    <row r="20" spans="1:4" s="88" customFormat="1" ht="149.25" customHeight="1" x14ac:dyDescent="0.15">
      <c r="A20" s="87"/>
      <c r="B20" s="89" t="s">
        <v>138</v>
      </c>
      <c r="C20" s="118" t="s">
        <v>139</v>
      </c>
      <c r="D20" s="118"/>
    </row>
    <row r="21" spans="1:4" s="88" customFormat="1" ht="21" x14ac:dyDescent="0.15">
      <c r="A21" s="87"/>
      <c r="B21" s="90"/>
      <c r="C21" s="90"/>
    </row>
    <row r="22" spans="1:4" s="88" customFormat="1" ht="21" x14ac:dyDescent="0.15">
      <c r="A22" s="87" t="s">
        <v>135</v>
      </c>
    </row>
    <row r="23" spans="1:4" s="88" customFormat="1" ht="21" x14ac:dyDescent="0.15">
      <c r="A23" s="87"/>
    </row>
    <row r="24" spans="1:4" s="88" customFormat="1" ht="21" x14ac:dyDescent="0.15">
      <c r="A24" s="87"/>
      <c r="B24" s="88" t="s">
        <v>21</v>
      </c>
    </row>
    <row r="25" spans="1:4" s="88" customFormat="1" ht="21" x14ac:dyDescent="0.15">
      <c r="A25" s="87"/>
      <c r="C25" s="91" t="s">
        <v>31</v>
      </c>
    </row>
    <row r="26" spans="1:4" s="88" customFormat="1" ht="37.5" customHeight="1" x14ac:dyDescent="0.15">
      <c r="A26" s="87"/>
      <c r="B26" s="92" t="s">
        <v>11</v>
      </c>
      <c r="C26" s="93" t="s">
        <v>12</v>
      </c>
    </row>
    <row r="27" spans="1:4" s="88" customFormat="1" ht="37.5" customHeight="1" x14ac:dyDescent="0.15">
      <c r="A27" s="87"/>
      <c r="B27" s="94" t="s">
        <v>29</v>
      </c>
      <c r="C27" s="95">
        <v>73342</v>
      </c>
    </row>
    <row r="28" spans="1:4" s="88" customFormat="1" ht="37.5" customHeight="1" x14ac:dyDescent="0.15">
      <c r="A28" s="87"/>
      <c r="B28" s="94" t="s">
        <v>30</v>
      </c>
      <c r="C28" s="96">
        <v>14594429</v>
      </c>
    </row>
    <row r="29" spans="1:4" s="88" customFormat="1" ht="37.5" customHeight="1" x14ac:dyDescent="0.15">
      <c r="A29" s="87"/>
      <c r="B29" s="93" t="s">
        <v>13</v>
      </c>
      <c r="C29" s="96">
        <v>14667771</v>
      </c>
    </row>
    <row r="30" spans="1:4" s="88" customFormat="1" ht="21" x14ac:dyDescent="0.15">
      <c r="A30" s="87"/>
      <c r="B30" s="97" t="s">
        <v>14</v>
      </c>
      <c r="C30" s="97"/>
    </row>
    <row r="31" spans="1:4" s="88" customFormat="1" ht="21" x14ac:dyDescent="0.15">
      <c r="A31" s="87"/>
    </row>
    <row r="32" spans="1:4" s="88" customFormat="1" ht="21" x14ac:dyDescent="0.15">
      <c r="A32" s="87" t="s">
        <v>136</v>
      </c>
    </row>
    <row r="33" spans="1:4" s="88" customFormat="1" ht="21" x14ac:dyDescent="0.15">
      <c r="A33" s="87"/>
    </row>
    <row r="34" spans="1:4" s="88" customFormat="1" ht="22.5" customHeight="1" x14ac:dyDescent="0.15">
      <c r="A34" s="87"/>
      <c r="B34" s="122" t="s">
        <v>146</v>
      </c>
      <c r="C34" s="122"/>
      <c r="D34" s="122"/>
    </row>
    <row r="35" spans="1:4" s="88" customFormat="1" ht="22.5" customHeight="1" x14ac:dyDescent="0.15">
      <c r="A35" s="87"/>
      <c r="B35" s="122"/>
      <c r="C35" s="122"/>
      <c r="D35" s="122"/>
    </row>
    <row r="36" spans="1:4" s="88" customFormat="1" ht="22.5" customHeight="1" x14ac:dyDescent="0.15">
      <c r="A36" s="87"/>
      <c r="B36" s="122"/>
      <c r="C36" s="122"/>
      <c r="D36" s="122"/>
    </row>
    <row r="37" spans="1:4" s="88" customFormat="1" ht="21" x14ac:dyDescent="0.15">
      <c r="A37" s="87"/>
    </row>
    <row r="38" spans="1:4" s="88" customFormat="1" ht="21" x14ac:dyDescent="0.15">
      <c r="A38" s="87" t="s">
        <v>137</v>
      </c>
    </row>
    <row r="39" spans="1:4" s="88" customFormat="1" ht="21" x14ac:dyDescent="0.15">
      <c r="A39" s="87"/>
    </row>
    <row r="40" spans="1:4" s="88" customFormat="1" ht="21" x14ac:dyDescent="0.15">
      <c r="A40" s="87"/>
      <c r="B40" s="88" t="s">
        <v>9</v>
      </c>
      <c r="D40" s="91" t="s">
        <v>129</v>
      </c>
    </row>
    <row r="41" spans="1:4" s="88" customFormat="1" ht="21" x14ac:dyDescent="0.15">
      <c r="A41" s="87"/>
      <c r="B41" s="93" t="s">
        <v>32</v>
      </c>
      <c r="C41" s="93" t="s">
        <v>12</v>
      </c>
      <c r="D41" s="93" t="s">
        <v>33</v>
      </c>
    </row>
    <row r="42" spans="1:4" s="88" customFormat="1" ht="93" customHeight="1" x14ac:dyDescent="0.15">
      <c r="A42" s="87"/>
      <c r="B42" s="93" t="s">
        <v>10</v>
      </c>
      <c r="C42" s="98">
        <v>98178</v>
      </c>
      <c r="D42" s="99" t="s">
        <v>130</v>
      </c>
    </row>
    <row r="43" spans="1:4" s="88" customFormat="1" ht="21" x14ac:dyDescent="0.15">
      <c r="A43" s="87"/>
      <c r="B43" s="97" t="s">
        <v>37</v>
      </c>
      <c r="C43" s="100"/>
      <c r="D43" s="101"/>
    </row>
    <row r="44" spans="1:4" s="88" customFormat="1" ht="21" x14ac:dyDescent="0.15">
      <c r="A44" s="87"/>
    </row>
    <row r="45" spans="1:4" s="88" customFormat="1" ht="21" x14ac:dyDescent="0.15">
      <c r="A45" s="87"/>
      <c r="B45" s="102" t="s">
        <v>144</v>
      </c>
      <c r="C45" s="102"/>
      <c r="D45" s="102"/>
    </row>
    <row r="46" spans="1:4" s="88" customFormat="1" ht="21" x14ac:dyDescent="0.15">
      <c r="A46" s="87"/>
      <c r="B46" s="125" t="s">
        <v>143</v>
      </c>
      <c r="C46" s="125"/>
      <c r="D46" s="125"/>
    </row>
    <row r="47" spans="1:4" s="88" customFormat="1" ht="21" x14ac:dyDescent="0.15">
      <c r="A47" s="87"/>
      <c r="B47" s="125"/>
      <c r="C47" s="125"/>
      <c r="D47" s="125"/>
    </row>
    <row r="48" spans="1:4" s="102" customFormat="1" ht="21" customHeight="1" x14ac:dyDescent="0.15">
      <c r="A48" s="113"/>
      <c r="B48" s="121" t="s">
        <v>141</v>
      </c>
      <c r="C48" s="121"/>
      <c r="D48" s="121"/>
    </row>
    <row r="49" spans="1:13" s="102" customFormat="1" ht="21" customHeight="1" x14ac:dyDescent="0.15">
      <c r="A49" s="113"/>
      <c r="B49" s="121" t="s">
        <v>140</v>
      </c>
      <c r="C49" s="121"/>
      <c r="D49" s="121"/>
    </row>
    <row r="50" spans="1:13" s="102" customFormat="1" ht="21" customHeight="1" x14ac:dyDescent="0.15">
      <c r="A50" s="113"/>
      <c r="B50" s="112" t="s">
        <v>142</v>
      </c>
      <c r="C50" s="112"/>
      <c r="D50" s="112"/>
    </row>
    <row r="51" spans="1:13" s="102" customFormat="1" ht="21" x14ac:dyDescent="0.15">
      <c r="A51" s="113"/>
      <c r="B51" s="122"/>
      <c r="C51" s="122"/>
      <c r="D51" s="122"/>
    </row>
    <row r="52" spans="1:13" s="88" customFormat="1" ht="21" x14ac:dyDescent="0.15">
      <c r="A52" s="87"/>
      <c r="B52" s="102" t="s">
        <v>147</v>
      </c>
      <c r="C52" s="102"/>
      <c r="D52" s="102"/>
    </row>
    <row r="53" spans="1:13" s="104" customFormat="1" ht="21" customHeight="1" x14ac:dyDescent="0.15">
      <c r="A53" s="103"/>
      <c r="B53" s="120" t="s">
        <v>148</v>
      </c>
      <c r="C53" s="120"/>
      <c r="D53" s="120"/>
    </row>
    <row r="54" spans="1:13" s="104" customFormat="1" ht="21" customHeight="1" x14ac:dyDescent="0.15">
      <c r="A54" s="103"/>
      <c r="B54" s="120"/>
      <c r="C54" s="120"/>
      <c r="D54" s="120"/>
    </row>
    <row r="55" spans="1:13" s="104" customFormat="1" ht="21" customHeight="1" x14ac:dyDescent="0.15">
      <c r="A55" s="103"/>
      <c r="B55" s="120"/>
      <c r="C55" s="120"/>
      <c r="D55" s="120"/>
    </row>
    <row r="56" spans="1:13" s="104" customFormat="1" ht="21" customHeight="1" x14ac:dyDescent="0.15">
      <c r="A56" s="103"/>
      <c r="B56" s="120"/>
      <c r="C56" s="120"/>
      <c r="D56" s="120"/>
    </row>
    <row r="57" spans="1:13" s="104" customFormat="1" ht="21" customHeight="1" x14ac:dyDescent="0.15">
      <c r="A57" s="103"/>
      <c r="B57" s="120"/>
      <c r="C57" s="120"/>
      <c r="D57" s="120"/>
    </row>
    <row r="58" spans="1:13" s="104" customFormat="1" ht="21" x14ac:dyDescent="0.15">
      <c r="A58" s="105"/>
      <c r="B58" s="102"/>
      <c r="C58" s="102"/>
      <c r="D58" s="102"/>
    </row>
    <row r="59" spans="1:13" s="88" customFormat="1" ht="21" x14ac:dyDescent="0.15">
      <c r="A59" s="87"/>
      <c r="B59" s="102" t="s">
        <v>149</v>
      </c>
      <c r="C59" s="102"/>
      <c r="D59" s="102"/>
    </row>
    <row r="60" spans="1:13" s="104" customFormat="1" ht="21" customHeight="1" x14ac:dyDescent="0.15">
      <c r="A60" s="103"/>
      <c r="B60" s="120" t="s">
        <v>150</v>
      </c>
      <c r="C60" s="120"/>
      <c r="D60" s="120"/>
      <c r="E60" s="126"/>
      <c r="F60" s="126"/>
      <c r="G60" s="126"/>
      <c r="H60" s="126"/>
      <c r="I60" s="126"/>
      <c r="J60" s="126"/>
      <c r="K60" s="126"/>
      <c r="L60" s="126"/>
      <c r="M60" s="126"/>
    </row>
    <row r="61" spans="1:13" s="104" customFormat="1" ht="21" customHeight="1" x14ac:dyDescent="0.15">
      <c r="A61" s="103"/>
      <c r="B61" s="120"/>
      <c r="C61" s="120"/>
      <c r="D61" s="120"/>
      <c r="E61" s="126"/>
      <c r="F61" s="126"/>
      <c r="G61" s="126"/>
      <c r="H61" s="126"/>
      <c r="I61" s="126"/>
      <c r="J61" s="126"/>
      <c r="K61" s="126"/>
      <c r="L61" s="126"/>
      <c r="M61" s="126"/>
    </row>
    <row r="62" spans="1:13" s="104" customFormat="1" ht="21" customHeight="1" x14ac:dyDescent="0.15">
      <c r="A62" s="105"/>
      <c r="B62" s="120"/>
      <c r="C62" s="120"/>
      <c r="D62" s="120"/>
      <c r="E62" s="126"/>
      <c r="F62" s="126"/>
      <c r="G62" s="126"/>
      <c r="H62" s="126"/>
      <c r="I62" s="126"/>
      <c r="J62" s="126"/>
      <c r="K62" s="126"/>
      <c r="L62" s="126"/>
      <c r="M62" s="126"/>
    </row>
    <row r="63" spans="1:13" s="104" customFormat="1" ht="21" customHeight="1" x14ac:dyDescent="0.15">
      <c r="A63" s="105"/>
      <c r="B63" s="114"/>
      <c r="C63" s="114"/>
      <c r="D63" s="114"/>
      <c r="E63" s="126"/>
      <c r="F63" s="126"/>
      <c r="G63" s="126"/>
      <c r="H63" s="126"/>
      <c r="I63" s="126"/>
      <c r="J63" s="126"/>
      <c r="K63" s="126"/>
      <c r="L63" s="126"/>
      <c r="M63" s="126"/>
    </row>
    <row r="64" spans="1:13" s="4" customFormat="1" ht="21" x14ac:dyDescent="0.15">
      <c r="A64" s="3"/>
      <c r="B64" s="7" t="s">
        <v>39</v>
      </c>
      <c r="E64" s="126"/>
      <c r="F64" s="126"/>
      <c r="G64" s="126"/>
      <c r="H64" s="126"/>
      <c r="I64" s="126"/>
      <c r="J64" s="126"/>
      <c r="K64" s="126"/>
      <c r="L64" s="126"/>
      <c r="M64" s="126"/>
    </row>
    <row r="65" spans="1:4" s="4" customFormat="1" ht="21" customHeight="1" x14ac:dyDescent="0.15">
      <c r="A65" s="3"/>
      <c r="B65" s="124" t="s">
        <v>145</v>
      </c>
      <c r="C65" s="124"/>
      <c r="D65" s="124"/>
    </row>
    <row r="66" spans="1:4" s="1" customFormat="1" ht="21" customHeight="1" x14ac:dyDescent="0.15">
      <c r="A66" s="2"/>
      <c r="B66" s="124"/>
      <c r="C66" s="124"/>
      <c r="D66" s="124"/>
    </row>
    <row r="67" spans="1:4" s="1" customFormat="1" ht="21" customHeight="1" x14ac:dyDescent="0.15">
      <c r="A67" s="2"/>
      <c r="B67" s="124"/>
      <c r="C67" s="124"/>
      <c r="D67" s="124"/>
    </row>
    <row r="68" spans="1:4" s="1" customFormat="1" x14ac:dyDescent="0.15">
      <c r="A68" s="2"/>
    </row>
    <row r="69" spans="1:4" s="1" customFormat="1" x14ac:dyDescent="0.15">
      <c r="A69" s="2"/>
    </row>
    <row r="70" spans="1:4" s="1" customFormat="1" x14ac:dyDescent="0.15">
      <c r="A70" s="2"/>
    </row>
    <row r="71" spans="1:4" s="1" customFormat="1" x14ac:dyDescent="0.15">
      <c r="A71" s="2"/>
    </row>
    <row r="72" spans="1:4" s="1" customFormat="1" x14ac:dyDescent="0.15">
      <c r="A72" s="2"/>
    </row>
    <row r="73" spans="1:4" s="1" customFormat="1" ht="17.25" x14ac:dyDescent="0.15">
      <c r="A73" s="2"/>
      <c r="C73" s="123"/>
      <c r="D73" s="123"/>
    </row>
    <row r="74" spans="1:4" ht="21" customHeight="1" x14ac:dyDescent="0.15">
      <c r="B74" s="102"/>
      <c r="C74" s="102"/>
      <c r="D74" s="102"/>
    </row>
    <row r="75" spans="1:4" ht="21" customHeight="1" x14ac:dyDescent="0.15">
      <c r="B75" s="120"/>
      <c r="C75" s="120"/>
      <c r="D75" s="120"/>
    </row>
    <row r="76" spans="1:4" ht="21" customHeight="1" x14ac:dyDescent="0.15">
      <c r="B76" s="120"/>
      <c r="C76" s="120"/>
      <c r="D76" s="120"/>
    </row>
    <row r="77" spans="1:4" ht="21" customHeight="1" x14ac:dyDescent="0.15">
      <c r="B77" s="120"/>
      <c r="C77" s="120"/>
      <c r="D77" s="120"/>
    </row>
    <row r="78" spans="1:4" ht="21" customHeight="1" x14ac:dyDescent="0.15">
      <c r="B78" s="88"/>
      <c r="C78" s="88"/>
      <c r="D78" s="88"/>
    </row>
    <row r="79" spans="1:4" ht="22.5" customHeight="1" x14ac:dyDescent="0.15">
      <c r="A79" s="86"/>
    </row>
    <row r="80" spans="1:4" ht="22.5" customHeight="1" x14ac:dyDescent="0.15">
      <c r="A80" s="86"/>
    </row>
    <row r="81" spans="1:1" ht="21" customHeight="1" x14ac:dyDescent="0.15">
      <c r="A81" s="86"/>
    </row>
  </sheetData>
  <mergeCells count="19">
    <mergeCell ref="E60:M64"/>
    <mergeCell ref="B75:D77"/>
    <mergeCell ref="C20:D20"/>
    <mergeCell ref="B48:D48"/>
    <mergeCell ref="B51:D51"/>
    <mergeCell ref="B53:D57"/>
    <mergeCell ref="C73:D73"/>
    <mergeCell ref="B34:D36"/>
    <mergeCell ref="B65:D67"/>
    <mergeCell ref="B49:D49"/>
    <mergeCell ref="B46:D47"/>
    <mergeCell ref="B60:D62"/>
    <mergeCell ref="C19:D19"/>
    <mergeCell ref="A4:D4"/>
    <mergeCell ref="C15:D15"/>
    <mergeCell ref="C16:D16"/>
    <mergeCell ref="C17:D17"/>
    <mergeCell ref="C18:D18"/>
    <mergeCell ref="B9:B10"/>
  </mergeCells>
  <phoneticPr fontId="1"/>
  <pageMargins left="0.7" right="0.7" top="0.75" bottom="0.75" header="0.3" footer="0.3"/>
  <pageSetup paperSize="9" scale="49" orientation="portrait" r:id="rId1"/>
  <rowBreaks count="1" manualBreakCount="1">
    <brk id="17" max="3" man="1"/>
  </rowBreaks>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D51"/>
  <sheetViews>
    <sheetView view="pageBreakPreview" topLeftCell="A28" zoomScale="40" zoomScaleNormal="40" zoomScaleSheetLayoutView="40" workbookViewId="0">
      <selection activeCell="G45" sqref="G45"/>
    </sheetView>
  </sheetViews>
  <sheetFormatPr defaultRowHeight="13.5" x14ac:dyDescent="0.15"/>
  <cols>
    <col min="1" max="1" width="4" style="2" customWidth="1"/>
    <col min="2" max="2" width="54.125" style="1" customWidth="1"/>
    <col min="3" max="3" width="35.5" style="1" customWidth="1"/>
    <col min="4" max="4" width="77.75" style="1" customWidth="1"/>
    <col min="5" max="16384" width="9" style="1"/>
  </cols>
  <sheetData>
    <row r="1" spans="1:4" s="14" customFormat="1" ht="22.5" customHeight="1" x14ac:dyDescent="0.15">
      <c r="B1" s="15" t="s">
        <v>38</v>
      </c>
    </row>
    <row r="2" spans="1:4" s="5" customFormat="1" ht="22.5" customHeight="1" x14ac:dyDescent="0.15">
      <c r="B2" s="16"/>
    </row>
    <row r="3" spans="1:4" s="5" customFormat="1" ht="22.5" customHeight="1" x14ac:dyDescent="0.15">
      <c r="B3" s="16"/>
    </row>
    <row r="4" spans="1:4" ht="122.25" customHeight="1" x14ac:dyDescent="0.15">
      <c r="A4" s="130" t="s">
        <v>19</v>
      </c>
      <c r="B4" s="130"/>
      <c r="C4" s="130"/>
      <c r="D4" s="130"/>
    </row>
    <row r="5" spans="1:4" s="7" customFormat="1" ht="21" x14ac:dyDescent="0.15">
      <c r="A5" s="6" t="s">
        <v>0</v>
      </c>
    </row>
    <row r="6" spans="1:4" s="7" customFormat="1" ht="21" x14ac:dyDescent="0.15">
      <c r="A6" s="6"/>
    </row>
    <row r="7" spans="1:4" s="7" customFormat="1" ht="316.5" customHeight="1" x14ac:dyDescent="0.15">
      <c r="A7" s="6"/>
      <c r="B7" s="8" t="s">
        <v>3</v>
      </c>
      <c r="C7" s="132" t="s">
        <v>22</v>
      </c>
      <c r="D7" s="132"/>
    </row>
    <row r="8" spans="1:4" s="7" customFormat="1" ht="219.75" customHeight="1" x14ac:dyDescent="0.15">
      <c r="A8" s="6"/>
      <c r="B8" s="8" t="s">
        <v>4</v>
      </c>
      <c r="C8" s="132" t="s">
        <v>20</v>
      </c>
      <c r="D8" s="132"/>
    </row>
    <row r="9" spans="1:4" s="7" customFormat="1" ht="395.25" customHeight="1" x14ac:dyDescent="0.15">
      <c r="A9" s="6"/>
      <c r="B9" s="23" t="s">
        <v>5</v>
      </c>
      <c r="C9" s="134" t="s">
        <v>23</v>
      </c>
      <c r="D9" s="134"/>
    </row>
    <row r="10" spans="1:4" s="7" customFormat="1" ht="236.25" customHeight="1" x14ac:dyDescent="0.15">
      <c r="A10" s="6"/>
      <c r="B10" s="8" t="s">
        <v>6</v>
      </c>
      <c r="C10" s="132" t="s">
        <v>15</v>
      </c>
      <c r="D10" s="132"/>
    </row>
    <row r="11" spans="1:4" s="7" customFormat="1" ht="73.5" customHeight="1" x14ac:dyDescent="0.15">
      <c r="A11" s="6"/>
      <c r="B11" s="8" t="s">
        <v>7</v>
      </c>
      <c r="C11" s="135" t="s">
        <v>24</v>
      </c>
      <c r="D11" s="136"/>
    </row>
    <row r="12" spans="1:4" s="7" customFormat="1" ht="149.25" customHeight="1" x14ac:dyDescent="0.15">
      <c r="A12" s="6"/>
      <c r="B12" s="8" t="s">
        <v>8</v>
      </c>
      <c r="C12" s="132" t="s">
        <v>17</v>
      </c>
      <c r="D12" s="132"/>
    </row>
    <row r="13" spans="1:4" s="7" customFormat="1" ht="21" x14ac:dyDescent="0.15">
      <c r="A13" s="6"/>
      <c r="B13" s="9"/>
      <c r="C13" s="9"/>
    </row>
    <row r="14" spans="1:4" s="7" customFormat="1" ht="21" x14ac:dyDescent="0.15">
      <c r="A14" s="6" t="s">
        <v>1</v>
      </c>
    </row>
    <row r="15" spans="1:4" s="7" customFormat="1" ht="21" x14ac:dyDescent="0.15">
      <c r="A15" s="6"/>
    </row>
    <row r="16" spans="1:4" s="7" customFormat="1" ht="21" x14ac:dyDescent="0.15">
      <c r="A16" s="6"/>
      <c r="B16" s="7" t="s">
        <v>21</v>
      </c>
    </row>
    <row r="17" spans="1:4" s="7" customFormat="1" ht="21" x14ac:dyDescent="0.15">
      <c r="A17" s="6"/>
      <c r="C17" s="10" t="s">
        <v>31</v>
      </c>
    </row>
    <row r="18" spans="1:4" s="7" customFormat="1" ht="37.5" customHeight="1" x14ac:dyDescent="0.15">
      <c r="A18" s="6"/>
      <c r="B18" s="11" t="s">
        <v>11</v>
      </c>
      <c r="C18" s="12" t="s">
        <v>12</v>
      </c>
    </row>
    <row r="19" spans="1:4" s="7" customFormat="1" ht="37.5" customHeight="1" x14ac:dyDescent="0.15">
      <c r="A19" s="6"/>
      <c r="B19" s="17" t="s">
        <v>29</v>
      </c>
      <c r="C19" s="18">
        <v>167371</v>
      </c>
    </row>
    <row r="20" spans="1:4" s="7" customFormat="1" ht="37.5" customHeight="1" x14ac:dyDescent="0.15">
      <c r="A20" s="6"/>
      <c r="B20" s="17" t="s">
        <v>30</v>
      </c>
      <c r="C20" s="19">
        <v>15058193</v>
      </c>
    </row>
    <row r="21" spans="1:4" s="7" customFormat="1" ht="37.5" customHeight="1" x14ac:dyDescent="0.15">
      <c r="A21" s="6"/>
      <c r="B21" s="12" t="s">
        <v>13</v>
      </c>
      <c r="C21" s="19">
        <v>15225564</v>
      </c>
    </row>
    <row r="22" spans="1:4" s="7" customFormat="1" ht="21" x14ac:dyDescent="0.15">
      <c r="A22" s="6"/>
      <c r="B22" s="13" t="s">
        <v>14</v>
      </c>
      <c r="C22" s="13"/>
    </row>
    <row r="23" spans="1:4" s="7" customFormat="1" ht="21" x14ac:dyDescent="0.15">
      <c r="A23" s="6"/>
    </row>
    <row r="24" spans="1:4" s="7" customFormat="1" ht="21" x14ac:dyDescent="0.15">
      <c r="A24" s="6" t="s">
        <v>2</v>
      </c>
    </row>
    <row r="25" spans="1:4" s="7" customFormat="1" ht="21" x14ac:dyDescent="0.15">
      <c r="A25" s="6"/>
    </row>
    <row r="26" spans="1:4" s="7" customFormat="1" ht="21" x14ac:dyDescent="0.15">
      <c r="A26" s="6"/>
      <c r="B26" s="7" t="s">
        <v>16</v>
      </c>
    </row>
    <row r="27" spans="1:4" s="7" customFormat="1" ht="21" x14ac:dyDescent="0.15">
      <c r="A27" s="6"/>
    </row>
    <row r="28" spans="1:4" s="7" customFormat="1" ht="21" x14ac:dyDescent="0.15">
      <c r="A28" s="6" t="s">
        <v>25</v>
      </c>
    </row>
    <row r="29" spans="1:4" s="7" customFormat="1" ht="21" x14ac:dyDescent="0.15">
      <c r="A29" s="6"/>
    </row>
    <row r="30" spans="1:4" s="7" customFormat="1" ht="21" x14ac:dyDescent="0.15">
      <c r="A30" s="6"/>
      <c r="B30" s="7" t="s">
        <v>9</v>
      </c>
      <c r="D30" s="10" t="s">
        <v>35</v>
      </c>
    </row>
    <row r="31" spans="1:4" s="7" customFormat="1" ht="42" customHeight="1" x14ac:dyDescent="0.15">
      <c r="A31" s="6"/>
      <c r="B31" s="12" t="s">
        <v>32</v>
      </c>
      <c r="C31" s="12" t="s">
        <v>12</v>
      </c>
      <c r="D31" s="12" t="s">
        <v>33</v>
      </c>
    </row>
    <row r="32" spans="1:4" s="7" customFormat="1" ht="89.25" customHeight="1" x14ac:dyDescent="0.15">
      <c r="A32" s="6"/>
      <c r="B32" s="12" t="s">
        <v>10</v>
      </c>
      <c r="C32" s="19">
        <v>98356</v>
      </c>
      <c r="D32" s="20" t="s">
        <v>34</v>
      </c>
    </row>
    <row r="33" spans="1:4" s="7" customFormat="1" ht="21" x14ac:dyDescent="0.15">
      <c r="A33" s="6"/>
      <c r="B33" s="13" t="s">
        <v>37</v>
      </c>
      <c r="C33" s="21"/>
      <c r="D33" s="22"/>
    </row>
    <row r="34" spans="1:4" s="7" customFormat="1" ht="21" x14ac:dyDescent="0.15">
      <c r="A34" s="6"/>
    </row>
    <row r="35" spans="1:4" s="7" customFormat="1" ht="21" x14ac:dyDescent="0.15">
      <c r="A35" s="6"/>
      <c r="B35" s="7" t="s">
        <v>18</v>
      </c>
    </row>
    <row r="36" spans="1:4" s="7" customFormat="1" ht="48" customHeight="1" x14ac:dyDescent="0.15">
      <c r="A36" s="6"/>
      <c r="B36" s="133" t="s">
        <v>26</v>
      </c>
      <c r="C36" s="133"/>
      <c r="D36" s="133"/>
    </row>
    <row r="37" spans="1:4" s="7" customFormat="1" ht="21" x14ac:dyDescent="0.15">
      <c r="A37" s="6"/>
      <c r="B37" s="7" t="s">
        <v>27</v>
      </c>
    </row>
    <row r="38" spans="1:4" s="7" customFormat="1" ht="21" x14ac:dyDescent="0.15">
      <c r="A38" s="6"/>
      <c r="B38" s="7" t="s">
        <v>36</v>
      </c>
    </row>
    <row r="39" spans="1:4" s="7" customFormat="1" ht="21" x14ac:dyDescent="0.15">
      <c r="A39" s="6"/>
      <c r="B39" s="7" t="s">
        <v>28</v>
      </c>
    </row>
    <row r="40" spans="1:4" s="4" customFormat="1" ht="18.75" x14ac:dyDescent="0.15">
      <c r="A40" s="3"/>
    </row>
    <row r="41" spans="1:4" s="4" customFormat="1" ht="21" x14ac:dyDescent="0.15">
      <c r="A41" s="3"/>
      <c r="B41" s="26" t="s">
        <v>39</v>
      </c>
    </row>
    <row r="42" spans="1:4" s="4" customFormat="1" ht="21" x14ac:dyDescent="0.15">
      <c r="A42" s="3"/>
      <c r="B42" s="26" t="s">
        <v>40</v>
      </c>
    </row>
    <row r="43" spans="1:4" ht="21" x14ac:dyDescent="0.15">
      <c r="B43" s="26" t="s">
        <v>41</v>
      </c>
    </row>
    <row r="48" spans="1:4" ht="17.25" x14ac:dyDescent="0.15">
      <c r="C48" s="131" t="s">
        <v>46</v>
      </c>
      <c r="D48" s="131"/>
    </row>
    <row r="49" spans="1:1" s="4" customFormat="1" ht="18.75" x14ac:dyDescent="0.15">
      <c r="A49" s="3"/>
    </row>
    <row r="50" spans="1:1" s="4" customFormat="1" ht="18.75" x14ac:dyDescent="0.15">
      <c r="A50" s="3"/>
    </row>
    <row r="51" spans="1:1" s="4" customFormat="1" ht="18.75" x14ac:dyDescent="0.15">
      <c r="A51" s="3"/>
    </row>
  </sheetData>
  <mergeCells count="9">
    <mergeCell ref="C48:D48"/>
    <mergeCell ref="C12:D12"/>
    <mergeCell ref="B36:D36"/>
    <mergeCell ref="A4:D4"/>
    <mergeCell ref="C7:D7"/>
    <mergeCell ref="C8:D8"/>
    <mergeCell ref="C9:D9"/>
    <mergeCell ref="C10:D10"/>
    <mergeCell ref="C11:D11"/>
  </mergeCells>
  <phoneticPr fontId="1"/>
  <pageMargins left="0.7" right="0.7" top="0.75" bottom="0.75" header="0.3" footer="0.3"/>
  <pageSetup paperSize="9" scale="47" orientation="portrait" r:id="rId1"/>
  <rowBreaks count="1" manualBreakCount="1">
    <brk id="12" max="16383" man="1"/>
  </rowBreaks>
  <drawing r:id="rId2"/>
  <legacyDrawing r:id="rId3"/>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S97"/>
  <sheetViews>
    <sheetView view="pageBreakPreview" topLeftCell="A58" zoomScale="55" zoomScaleNormal="50" zoomScaleSheetLayoutView="55" workbookViewId="0">
      <selection activeCell="B90" sqref="B90"/>
    </sheetView>
  </sheetViews>
  <sheetFormatPr defaultRowHeight="13.5" x14ac:dyDescent="0.15"/>
  <cols>
    <col min="1" max="1" width="4" style="2" customWidth="1"/>
    <col min="2" max="2" width="54.125" style="1" customWidth="1"/>
    <col min="3" max="3" width="60.625" style="1" customWidth="1"/>
    <col min="4" max="4" width="29.125" style="1" customWidth="1"/>
    <col min="5" max="5" width="29" style="1" customWidth="1"/>
    <col min="6" max="6" width="14.375" style="1" customWidth="1"/>
    <col min="7" max="16384" width="9" style="1"/>
  </cols>
  <sheetData>
    <row r="1" spans="1:5" s="14" customFormat="1" ht="22.5" customHeight="1" x14ac:dyDescent="0.15">
      <c r="B1" s="15" t="s">
        <v>48</v>
      </c>
    </row>
    <row r="2" spans="1:5" s="5" customFormat="1" ht="22.5" customHeight="1" x14ac:dyDescent="0.15">
      <c r="B2" s="16"/>
    </row>
    <row r="3" spans="1:5" s="5" customFormat="1" ht="22.5" customHeight="1" x14ac:dyDescent="0.15">
      <c r="B3" s="16"/>
    </row>
    <row r="4" spans="1:5" ht="122.25" customHeight="1" x14ac:dyDescent="0.15">
      <c r="A4" s="130" t="s">
        <v>19</v>
      </c>
      <c r="B4" s="130"/>
      <c r="C4" s="130"/>
      <c r="D4" s="130"/>
      <c r="E4" s="130"/>
    </row>
    <row r="5" spans="1:5" s="7" customFormat="1" ht="21" x14ac:dyDescent="0.15">
      <c r="A5" s="6" t="s">
        <v>47</v>
      </c>
    </row>
    <row r="6" spans="1:5" s="7" customFormat="1" ht="21" x14ac:dyDescent="0.15">
      <c r="A6" s="6"/>
    </row>
    <row r="7" spans="1:5" s="7" customFormat="1" ht="21" x14ac:dyDescent="0.15">
      <c r="A7" s="6"/>
      <c r="B7" s="7" t="s">
        <v>123</v>
      </c>
      <c r="D7" s="10"/>
    </row>
    <row r="8" spans="1:5" s="7" customFormat="1" ht="21.75" thickBot="1" x14ac:dyDescent="0.2">
      <c r="A8" s="6"/>
      <c r="D8" s="10"/>
    </row>
    <row r="9" spans="1:5" s="7" customFormat="1" ht="42" x14ac:dyDescent="0.15">
      <c r="A9" s="6"/>
      <c r="B9" s="29" t="s">
        <v>51</v>
      </c>
      <c r="C9" s="30" t="s">
        <v>72</v>
      </c>
      <c r="D9" s="31" t="s">
        <v>73</v>
      </c>
      <c r="E9" s="32" t="s">
        <v>122</v>
      </c>
    </row>
    <row r="10" spans="1:5" s="7" customFormat="1" ht="21" x14ac:dyDescent="0.15">
      <c r="A10" s="6"/>
      <c r="B10" s="33" t="s">
        <v>50</v>
      </c>
      <c r="C10" s="34" t="s">
        <v>50</v>
      </c>
      <c r="D10" s="35"/>
      <c r="E10" s="36"/>
    </row>
    <row r="11" spans="1:5" s="7" customFormat="1" ht="21" x14ac:dyDescent="0.15">
      <c r="A11" s="6"/>
      <c r="B11" s="85" t="s">
        <v>74</v>
      </c>
      <c r="C11" s="37" t="s">
        <v>53</v>
      </c>
      <c r="D11" s="35"/>
      <c r="E11" s="36"/>
    </row>
    <row r="12" spans="1:5" s="7" customFormat="1" ht="21" x14ac:dyDescent="0.15">
      <c r="A12" s="6"/>
      <c r="B12" s="38"/>
      <c r="C12" s="39" t="s">
        <v>54</v>
      </c>
      <c r="D12" s="40"/>
      <c r="E12" s="41"/>
    </row>
    <row r="13" spans="1:5" s="7" customFormat="1" ht="21" x14ac:dyDescent="0.15">
      <c r="A13" s="6"/>
      <c r="B13" s="38"/>
      <c r="C13" s="39" t="s">
        <v>55</v>
      </c>
      <c r="D13" s="40"/>
      <c r="E13" s="41"/>
    </row>
    <row r="14" spans="1:5" s="7" customFormat="1" ht="21" x14ac:dyDescent="0.15">
      <c r="A14" s="6"/>
      <c r="B14" s="38"/>
      <c r="C14" s="39" t="s">
        <v>56</v>
      </c>
      <c r="D14" s="40"/>
      <c r="E14" s="41"/>
    </row>
    <row r="15" spans="1:5" s="7" customFormat="1" ht="21" x14ac:dyDescent="0.15">
      <c r="A15" s="6"/>
      <c r="B15" s="38"/>
      <c r="C15" s="39" t="s">
        <v>57</v>
      </c>
      <c r="D15" s="40"/>
      <c r="E15" s="41"/>
    </row>
    <row r="16" spans="1:5" s="7" customFormat="1" ht="21" x14ac:dyDescent="0.15">
      <c r="A16" s="6"/>
      <c r="B16" s="38"/>
      <c r="C16" s="39" t="s">
        <v>58</v>
      </c>
      <c r="D16" s="40"/>
      <c r="E16" s="41"/>
    </row>
    <row r="17" spans="1:5" s="7" customFormat="1" ht="21" x14ac:dyDescent="0.15">
      <c r="A17" s="6"/>
      <c r="B17" s="38"/>
      <c r="C17" s="39" t="s">
        <v>59</v>
      </c>
      <c r="D17" s="40"/>
      <c r="E17" s="41"/>
    </row>
    <row r="18" spans="1:5" s="7" customFormat="1" ht="21" x14ac:dyDescent="0.15">
      <c r="A18" s="6"/>
      <c r="B18" s="42"/>
      <c r="C18" s="39" t="s">
        <v>60</v>
      </c>
      <c r="D18" s="40"/>
      <c r="E18" s="41"/>
    </row>
    <row r="19" spans="1:5" s="7" customFormat="1" ht="21" x14ac:dyDescent="0.15">
      <c r="A19" s="6"/>
      <c r="B19" s="43"/>
      <c r="C19" s="44" t="s">
        <v>61</v>
      </c>
      <c r="D19" s="45"/>
      <c r="E19" s="46"/>
    </row>
    <row r="20" spans="1:5" s="7" customFormat="1" ht="21" x14ac:dyDescent="0.15">
      <c r="A20" s="6"/>
      <c r="B20" s="60" t="s">
        <v>70</v>
      </c>
      <c r="C20" s="39" t="s">
        <v>62</v>
      </c>
      <c r="D20" s="35"/>
      <c r="E20" s="36"/>
    </row>
    <row r="21" spans="1:5" s="7" customFormat="1" ht="21" x14ac:dyDescent="0.15">
      <c r="A21" s="6"/>
      <c r="B21" s="48"/>
      <c r="C21" s="39" t="s">
        <v>63</v>
      </c>
      <c r="D21" s="40"/>
      <c r="E21" s="41"/>
    </row>
    <row r="22" spans="1:5" s="7" customFormat="1" ht="21" x14ac:dyDescent="0.15">
      <c r="A22" s="6"/>
      <c r="B22" s="49"/>
      <c r="C22" s="39" t="s">
        <v>64</v>
      </c>
      <c r="D22" s="50"/>
      <c r="E22" s="51"/>
    </row>
    <row r="23" spans="1:5" s="7" customFormat="1" ht="21" x14ac:dyDescent="0.15">
      <c r="A23" s="6"/>
      <c r="B23" s="60" t="s">
        <v>71</v>
      </c>
      <c r="C23" s="37" t="s">
        <v>65</v>
      </c>
      <c r="D23" s="52"/>
      <c r="E23" s="53"/>
    </row>
    <row r="24" spans="1:5" s="7" customFormat="1" ht="21" x14ac:dyDescent="0.15">
      <c r="A24" s="6"/>
      <c r="B24" s="48"/>
      <c r="C24" s="54" t="s">
        <v>66</v>
      </c>
      <c r="D24" s="40"/>
      <c r="E24" s="41"/>
    </row>
    <row r="25" spans="1:5" s="7" customFormat="1" ht="21" x14ac:dyDescent="0.15">
      <c r="A25" s="6"/>
      <c r="B25" s="48"/>
      <c r="C25" s="55" t="s">
        <v>67</v>
      </c>
      <c r="D25" s="52"/>
      <c r="E25" s="53"/>
    </row>
    <row r="26" spans="1:5" s="7" customFormat="1" ht="21" x14ac:dyDescent="0.15">
      <c r="A26" s="6"/>
      <c r="B26" s="48"/>
      <c r="C26" s="39" t="s">
        <v>68</v>
      </c>
      <c r="D26" s="50"/>
      <c r="E26" s="51"/>
    </row>
    <row r="27" spans="1:5" s="7" customFormat="1" ht="21" x14ac:dyDescent="0.15">
      <c r="A27" s="6"/>
      <c r="B27" s="56" t="s">
        <v>69</v>
      </c>
      <c r="C27" s="57" t="s">
        <v>69</v>
      </c>
      <c r="D27" s="58"/>
      <c r="E27" s="59"/>
    </row>
    <row r="28" spans="1:5" s="7" customFormat="1" ht="21" x14ac:dyDescent="0.15">
      <c r="A28" s="6"/>
      <c r="B28" s="60" t="s">
        <v>75</v>
      </c>
      <c r="C28" s="39" t="s">
        <v>76</v>
      </c>
      <c r="D28" s="61"/>
      <c r="E28" s="62">
        <v>78.12</v>
      </c>
    </row>
    <row r="29" spans="1:5" s="7" customFormat="1" ht="21" x14ac:dyDescent="0.15">
      <c r="A29" s="6"/>
      <c r="B29" s="48"/>
      <c r="C29" s="39" t="s">
        <v>77</v>
      </c>
      <c r="D29" s="40"/>
      <c r="E29" s="63">
        <v>84.19</v>
      </c>
    </row>
    <row r="30" spans="1:5" s="7" customFormat="1" ht="21" x14ac:dyDescent="0.15">
      <c r="A30" s="6"/>
      <c r="B30" s="48"/>
      <c r="C30" s="39" t="s">
        <v>78</v>
      </c>
      <c r="D30" s="52"/>
      <c r="E30" s="64">
        <v>78.17</v>
      </c>
    </row>
    <row r="31" spans="1:5" s="7" customFormat="1" ht="21" x14ac:dyDescent="0.15">
      <c r="A31" s="6"/>
      <c r="B31" s="48"/>
      <c r="C31" s="44" t="s">
        <v>79</v>
      </c>
      <c r="D31" s="50"/>
      <c r="E31" s="65">
        <v>91.1</v>
      </c>
    </row>
    <row r="32" spans="1:5" s="7" customFormat="1" ht="21" x14ac:dyDescent="0.15">
      <c r="A32" s="6"/>
      <c r="B32" s="60" t="s">
        <v>80</v>
      </c>
      <c r="C32" s="34" t="s">
        <v>81</v>
      </c>
      <c r="D32" s="66"/>
      <c r="E32" s="67">
        <v>3.8</v>
      </c>
    </row>
    <row r="33" spans="1:5" s="7" customFormat="1" ht="21" x14ac:dyDescent="0.15">
      <c r="A33" s="6"/>
      <c r="B33" s="49"/>
      <c r="C33" s="44" t="s">
        <v>82</v>
      </c>
      <c r="D33" s="50"/>
      <c r="E33" s="65">
        <v>29.5</v>
      </c>
    </row>
    <row r="34" spans="1:5" s="7" customFormat="1" ht="42" x14ac:dyDescent="0.15">
      <c r="A34" s="6"/>
      <c r="B34" s="47" t="s">
        <v>83</v>
      </c>
      <c r="C34" s="68" t="s">
        <v>84</v>
      </c>
      <c r="D34" s="69">
        <v>102299</v>
      </c>
      <c r="E34" s="70">
        <v>100</v>
      </c>
    </row>
    <row r="35" spans="1:5" s="7" customFormat="1" ht="21" x14ac:dyDescent="0.15">
      <c r="A35" s="6"/>
      <c r="B35" s="48"/>
      <c r="C35" s="39" t="s">
        <v>85</v>
      </c>
      <c r="D35" s="71">
        <v>4853</v>
      </c>
      <c r="E35" s="63">
        <v>100</v>
      </c>
    </row>
    <row r="36" spans="1:5" s="7" customFormat="1" ht="21" x14ac:dyDescent="0.15">
      <c r="A36" s="6"/>
      <c r="B36" s="48"/>
      <c r="C36" s="44" t="s">
        <v>86</v>
      </c>
      <c r="D36" s="72">
        <v>100</v>
      </c>
      <c r="E36" s="65">
        <v>100</v>
      </c>
    </row>
    <row r="37" spans="1:5" s="7" customFormat="1" ht="21" x14ac:dyDescent="0.15">
      <c r="A37" s="6"/>
      <c r="B37" s="56" t="s">
        <v>87</v>
      </c>
      <c r="C37" s="57" t="s">
        <v>88</v>
      </c>
      <c r="D37" s="73">
        <v>40</v>
      </c>
      <c r="E37" s="74">
        <v>100</v>
      </c>
    </row>
    <row r="38" spans="1:5" s="7" customFormat="1" ht="21" x14ac:dyDescent="0.15">
      <c r="A38" s="6"/>
      <c r="B38" s="60" t="s">
        <v>89</v>
      </c>
      <c r="C38" s="39" t="s">
        <v>90</v>
      </c>
      <c r="D38" s="71">
        <v>4505</v>
      </c>
      <c r="E38" s="63">
        <v>100</v>
      </c>
    </row>
    <row r="39" spans="1:5" s="7" customFormat="1" ht="21" x14ac:dyDescent="0.15">
      <c r="A39" s="6"/>
      <c r="B39" s="48"/>
      <c r="C39" s="39" t="s">
        <v>91</v>
      </c>
      <c r="D39" s="71">
        <v>4167</v>
      </c>
      <c r="E39" s="63">
        <v>100</v>
      </c>
    </row>
    <row r="40" spans="1:5" s="7" customFormat="1" ht="21" x14ac:dyDescent="0.15">
      <c r="A40" s="6"/>
      <c r="B40" s="48"/>
      <c r="C40" s="39" t="s">
        <v>92</v>
      </c>
      <c r="D40" s="71">
        <v>100</v>
      </c>
      <c r="E40" s="63">
        <v>100</v>
      </c>
    </row>
    <row r="41" spans="1:5" s="7" customFormat="1" ht="21" x14ac:dyDescent="0.15">
      <c r="A41" s="6"/>
      <c r="B41" s="48"/>
      <c r="C41" s="39" t="s">
        <v>93</v>
      </c>
      <c r="D41" s="71">
        <v>40</v>
      </c>
      <c r="E41" s="63">
        <v>100</v>
      </c>
    </row>
    <row r="42" spans="1:5" s="7" customFormat="1" ht="21" x14ac:dyDescent="0.15">
      <c r="A42" s="6"/>
      <c r="B42" s="48"/>
      <c r="C42" s="39" t="s">
        <v>94</v>
      </c>
      <c r="D42" s="71">
        <v>200</v>
      </c>
      <c r="E42" s="63">
        <v>100</v>
      </c>
    </row>
    <row r="43" spans="1:5" s="7" customFormat="1" ht="21" x14ac:dyDescent="0.15">
      <c r="A43" s="6"/>
      <c r="B43" s="48"/>
      <c r="C43" s="39" t="s">
        <v>95</v>
      </c>
      <c r="D43" s="71">
        <v>162</v>
      </c>
      <c r="E43" s="63">
        <v>100</v>
      </c>
    </row>
    <row r="44" spans="1:5" s="7" customFormat="1" ht="21" x14ac:dyDescent="0.15">
      <c r="A44" s="6"/>
      <c r="B44" s="48"/>
      <c r="C44" s="39" t="s">
        <v>96</v>
      </c>
      <c r="D44" s="71">
        <v>825</v>
      </c>
      <c r="E44" s="63">
        <v>40</v>
      </c>
    </row>
    <row r="45" spans="1:5" s="7" customFormat="1" ht="21" x14ac:dyDescent="0.15">
      <c r="A45" s="6"/>
      <c r="B45" s="48"/>
      <c r="C45" s="39" t="s">
        <v>97</v>
      </c>
      <c r="D45" s="71">
        <v>1800</v>
      </c>
      <c r="E45" s="63">
        <v>25.5</v>
      </c>
    </row>
    <row r="46" spans="1:5" s="7" customFormat="1" ht="21" x14ac:dyDescent="0.15">
      <c r="A46" s="6"/>
      <c r="B46" s="48"/>
      <c r="C46" s="68" t="s">
        <v>98</v>
      </c>
      <c r="D46" s="75">
        <v>500</v>
      </c>
      <c r="E46" s="64">
        <v>50</v>
      </c>
    </row>
    <row r="47" spans="1:5" s="7" customFormat="1" ht="21" x14ac:dyDescent="0.15">
      <c r="A47" s="6"/>
      <c r="B47" s="48"/>
      <c r="C47" s="39" t="s">
        <v>99</v>
      </c>
      <c r="D47" s="71">
        <v>2060</v>
      </c>
      <c r="E47" s="63">
        <v>38.799999999999997</v>
      </c>
    </row>
    <row r="48" spans="1:5" s="7" customFormat="1" ht="21" x14ac:dyDescent="0.15">
      <c r="A48" s="6"/>
      <c r="B48" s="48"/>
      <c r="C48" s="54" t="s">
        <v>100</v>
      </c>
      <c r="D48" s="76">
        <v>877</v>
      </c>
      <c r="E48" s="62">
        <v>28.5</v>
      </c>
    </row>
    <row r="49" spans="1:5" s="7" customFormat="1" ht="21" x14ac:dyDescent="0.15">
      <c r="A49" s="6"/>
      <c r="B49" s="48"/>
      <c r="C49" s="39" t="s">
        <v>101</v>
      </c>
      <c r="D49" s="71">
        <v>100</v>
      </c>
      <c r="E49" s="63">
        <v>100</v>
      </c>
    </row>
    <row r="50" spans="1:5" s="7" customFormat="1" ht="21" x14ac:dyDescent="0.15">
      <c r="A50" s="6"/>
      <c r="B50" s="48"/>
      <c r="C50" s="77" t="s">
        <v>102</v>
      </c>
      <c r="D50" s="78">
        <v>100</v>
      </c>
      <c r="E50" s="79">
        <v>100</v>
      </c>
    </row>
    <row r="51" spans="1:5" s="7" customFormat="1" ht="21" x14ac:dyDescent="0.15">
      <c r="A51" s="6"/>
      <c r="B51" s="48"/>
      <c r="C51" s="39" t="s">
        <v>103</v>
      </c>
      <c r="D51" s="71">
        <v>20769</v>
      </c>
      <c r="E51" s="63">
        <v>28.8</v>
      </c>
    </row>
    <row r="52" spans="1:5" s="7" customFormat="1" ht="21" x14ac:dyDescent="0.15">
      <c r="A52" s="6"/>
      <c r="B52" s="48"/>
      <c r="C52" s="39" t="s">
        <v>104</v>
      </c>
      <c r="D52" s="71">
        <v>17780</v>
      </c>
      <c r="E52" s="63">
        <v>33.299999999999997</v>
      </c>
    </row>
    <row r="53" spans="1:5" s="7" customFormat="1" ht="21" x14ac:dyDescent="0.15">
      <c r="A53" s="6"/>
      <c r="B53" s="48"/>
      <c r="C53" s="39" t="s">
        <v>105</v>
      </c>
      <c r="D53" s="71">
        <v>26136</v>
      </c>
      <c r="E53" s="63">
        <v>33.299999999999997</v>
      </c>
    </row>
    <row r="54" spans="1:5" s="7" customFormat="1" ht="21" x14ac:dyDescent="0.15">
      <c r="A54" s="6"/>
      <c r="B54" s="48"/>
      <c r="C54" s="39" t="s">
        <v>106</v>
      </c>
      <c r="D54" s="71">
        <v>1</v>
      </c>
      <c r="E54" s="63">
        <v>100</v>
      </c>
    </row>
    <row r="55" spans="1:5" s="7" customFormat="1" ht="21" x14ac:dyDescent="0.15">
      <c r="A55" s="6"/>
      <c r="B55" s="48"/>
      <c r="C55" s="39" t="s">
        <v>107</v>
      </c>
      <c r="D55" s="71">
        <v>5</v>
      </c>
      <c r="E55" s="63">
        <v>100</v>
      </c>
    </row>
    <row r="56" spans="1:5" s="7" customFormat="1" ht="21" x14ac:dyDescent="0.15">
      <c r="A56" s="6"/>
      <c r="B56" s="48"/>
      <c r="C56" s="39" t="s">
        <v>108</v>
      </c>
      <c r="D56" s="71">
        <v>800</v>
      </c>
      <c r="E56" s="63">
        <v>100</v>
      </c>
    </row>
    <row r="57" spans="1:5" s="7" customFormat="1" ht="21" x14ac:dyDescent="0.15">
      <c r="A57" s="6"/>
      <c r="B57" s="48"/>
      <c r="C57" s="39" t="s">
        <v>109</v>
      </c>
      <c r="D57" s="71">
        <v>3370</v>
      </c>
      <c r="E57" s="63">
        <v>100</v>
      </c>
    </row>
    <row r="58" spans="1:5" s="7" customFormat="1" ht="21" x14ac:dyDescent="0.15">
      <c r="A58" s="6"/>
      <c r="B58" s="48"/>
      <c r="C58" s="39" t="s">
        <v>110</v>
      </c>
      <c r="D58" s="71">
        <v>20</v>
      </c>
      <c r="E58" s="63">
        <v>100</v>
      </c>
    </row>
    <row r="59" spans="1:5" s="7" customFormat="1" ht="21" x14ac:dyDescent="0.15">
      <c r="A59" s="6"/>
      <c r="B59" s="48"/>
      <c r="C59" s="39" t="s">
        <v>111</v>
      </c>
      <c r="D59" s="71">
        <v>30598</v>
      </c>
      <c r="E59" s="63">
        <v>100</v>
      </c>
    </row>
    <row r="60" spans="1:5" s="7" customFormat="1" ht="21" x14ac:dyDescent="0.15">
      <c r="A60" s="6"/>
      <c r="B60" s="48"/>
      <c r="C60" s="39" t="s">
        <v>112</v>
      </c>
      <c r="D60" s="71">
        <v>6000</v>
      </c>
      <c r="E60" s="63">
        <v>100</v>
      </c>
    </row>
    <row r="61" spans="1:5" s="7" customFormat="1" ht="21" x14ac:dyDescent="0.15">
      <c r="A61" s="6"/>
      <c r="B61" s="48"/>
      <c r="C61" s="39" t="s">
        <v>113</v>
      </c>
      <c r="D61" s="71">
        <v>1460</v>
      </c>
      <c r="E61" s="63">
        <v>30.8</v>
      </c>
    </row>
    <row r="62" spans="1:5" s="7" customFormat="1" ht="21" x14ac:dyDescent="0.15">
      <c r="A62" s="6"/>
      <c r="B62" s="48"/>
      <c r="C62" s="39" t="s">
        <v>114</v>
      </c>
      <c r="D62" s="71">
        <v>490</v>
      </c>
      <c r="E62" s="63">
        <v>100</v>
      </c>
    </row>
    <row r="63" spans="1:5" s="7" customFormat="1" ht="21" x14ac:dyDescent="0.15">
      <c r="A63" s="6"/>
      <c r="B63" s="48"/>
      <c r="C63" s="39" t="s">
        <v>115</v>
      </c>
      <c r="D63" s="71">
        <v>20</v>
      </c>
      <c r="E63" s="63">
        <v>100</v>
      </c>
    </row>
    <row r="64" spans="1:5" s="7" customFormat="1" ht="21" x14ac:dyDescent="0.15">
      <c r="A64" s="6"/>
      <c r="B64" s="48"/>
      <c r="C64" s="39" t="s">
        <v>116</v>
      </c>
      <c r="D64" s="71">
        <v>10</v>
      </c>
      <c r="E64" s="63">
        <v>100</v>
      </c>
    </row>
    <row r="65" spans="1:19" s="7" customFormat="1" ht="21" x14ac:dyDescent="0.15">
      <c r="A65" s="6"/>
      <c r="B65" s="48"/>
      <c r="C65" s="39" t="s">
        <v>117</v>
      </c>
      <c r="D65" s="71">
        <v>50</v>
      </c>
      <c r="E65" s="63">
        <v>100</v>
      </c>
    </row>
    <row r="66" spans="1:19" s="7" customFormat="1" ht="21" x14ac:dyDescent="0.15">
      <c r="A66" s="6"/>
      <c r="B66" s="48"/>
      <c r="C66" s="39" t="s">
        <v>118</v>
      </c>
      <c r="D66" s="71">
        <v>80</v>
      </c>
      <c r="E66" s="63">
        <v>100</v>
      </c>
    </row>
    <row r="67" spans="1:19" s="7" customFormat="1" ht="21" x14ac:dyDescent="0.15">
      <c r="A67" s="6"/>
      <c r="B67" s="48"/>
      <c r="C67" s="39" t="s">
        <v>119</v>
      </c>
      <c r="D67" s="71">
        <v>30</v>
      </c>
      <c r="E67" s="63">
        <v>25.2</v>
      </c>
    </row>
    <row r="68" spans="1:19" s="7" customFormat="1" ht="21" x14ac:dyDescent="0.15">
      <c r="A68" s="6"/>
      <c r="B68" s="48"/>
      <c r="C68" s="39" t="s">
        <v>120</v>
      </c>
      <c r="D68" s="71">
        <v>85</v>
      </c>
      <c r="E68" s="63">
        <v>100</v>
      </c>
    </row>
    <row r="69" spans="1:19" s="7" customFormat="1" ht="21.75" thickBot="1" x14ac:dyDescent="0.2">
      <c r="A69" s="6"/>
      <c r="B69" s="80"/>
      <c r="C69" s="81" t="s">
        <v>121</v>
      </c>
      <c r="D69" s="82">
        <v>200</v>
      </c>
      <c r="E69" s="83">
        <v>50</v>
      </c>
    </row>
    <row r="70" spans="1:19" s="7" customFormat="1" ht="21" x14ac:dyDescent="0.15">
      <c r="A70" s="6"/>
      <c r="D70" s="10"/>
    </row>
    <row r="71" spans="1:19" s="7" customFormat="1" ht="21" x14ac:dyDescent="0.15">
      <c r="A71" s="6"/>
      <c r="B71" s="7" t="s">
        <v>49</v>
      </c>
    </row>
    <row r="72" spans="1:19" s="7" customFormat="1" ht="48" hidden="1" customHeight="1" x14ac:dyDescent="0.15">
      <c r="A72" s="6"/>
      <c r="B72" s="133" t="s">
        <v>26</v>
      </c>
      <c r="C72" s="133"/>
      <c r="D72" s="133"/>
    </row>
    <row r="73" spans="1:19" s="7" customFormat="1" ht="21" hidden="1" x14ac:dyDescent="0.15">
      <c r="A73" s="6"/>
      <c r="B73" s="7" t="s">
        <v>27</v>
      </c>
    </row>
    <row r="74" spans="1:19" s="7" customFormat="1" ht="21" x14ac:dyDescent="0.15">
      <c r="A74" s="6"/>
      <c r="B74" s="7" t="s">
        <v>125</v>
      </c>
    </row>
    <row r="75" spans="1:19" s="7" customFormat="1" ht="21" x14ac:dyDescent="0.15">
      <c r="A75" s="6"/>
      <c r="B75" s="7" t="s">
        <v>126</v>
      </c>
    </row>
    <row r="76" spans="1:19" s="7" customFormat="1" ht="21" x14ac:dyDescent="0.15">
      <c r="A76" s="6"/>
      <c r="B76" s="7" t="s">
        <v>28</v>
      </c>
    </row>
    <row r="77" spans="1:19" s="4" customFormat="1" ht="21" x14ac:dyDescent="0.15">
      <c r="A77" s="3"/>
      <c r="E77" s="7"/>
      <c r="F77" s="7"/>
      <c r="G77" s="7"/>
      <c r="H77" s="7"/>
      <c r="I77" s="7"/>
      <c r="J77" s="7"/>
      <c r="K77" s="7"/>
      <c r="L77" s="7"/>
      <c r="M77" s="7"/>
      <c r="N77" s="7"/>
      <c r="O77" s="7"/>
      <c r="P77" s="7"/>
      <c r="Q77" s="7"/>
      <c r="R77" s="27" t="s">
        <v>124</v>
      </c>
      <c r="S77" s="7"/>
    </row>
    <row r="78" spans="1:19" s="4" customFormat="1" ht="21" x14ac:dyDescent="0.15">
      <c r="A78" s="3"/>
      <c r="B78" s="7" t="s">
        <v>39</v>
      </c>
      <c r="E78" s="7"/>
      <c r="F78" s="7"/>
      <c r="G78" s="119"/>
      <c r="H78" s="119"/>
      <c r="I78" s="119"/>
      <c r="J78" s="119" t="s">
        <v>43</v>
      </c>
      <c r="K78" s="119"/>
      <c r="L78" s="119"/>
      <c r="M78" s="127" t="s">
        <v>44</v>
      </c>
      <c r="N78" s="127"/>
      <c r="O78" s="127"/>
      <c r="P78" s="127" t="s">
        <v>45</v>
      </c>
      <c r="Q78" s="127"/>
      <c r="R78" s="127"/>
      <c r="S78" s="24"/>
    </row>
    <row r="79" spans="1:19" s="4" customFormat="1" ht="21" x14ac:dyDescent="0.15">
      <c r="A79" s="3"/>
      <c r="B79" s="7" t="s">
        <v>40</v>
      </c>
      <c r="E79" s="7"/>
      <c r="F79" s="7"/>
      <c r="G79" s="127" t="s">
        <v>42</v>
      </c>
      <c r="H79" s="128"/>
      <c r="I79" s="25" t="s">
        <v>10</v>
      </c>
      <c r="J79" s="129">
        <v>7319110419923</v>
      </c>
      <c r="K79" s="129"/>
      <c r="L79" s="129"/>
      <c r="M79" s="129">
        <v>224206713539</v>
      </c>
      <c r="N79" s="129"/>
      <c r="O79" s="129"/>
      <c r="P79" s="129">
        <f>7319110419925-224206713539</f>
        <v>7094903706386</v>
      </c>
      <c r="Q79" s="129"/>
      <c r="R79" s="129"/>
      <c r="S79" s="7"/>
    </row>
    <row r="80" spans="1:19" ht="21" x14ac:dyDescent="0.15">
      <c r="B80" s="7" t="s">
        <v>41</v>
      </c>
      <c r="E80" s="7"/>
      <c r="F80" s="7"/>
      <c r="G80" s="7"/>
      <c r="H80" s="7"/>
      <c r="I80" s="7"/>
      <c r="J80" s="7"/>
      <c r="K80" s="7"/>
      <c r="L80" s="7"/>
      <c r="M80" s="7"/>
      <c r="N80" s="7"/>
      <c r="O80" s="7"/>
      <c r="P80" s="7"/>
      <c r="Q80" s="7"/>
      <c r="R80" s="7"/>
      <c r="S80" s="7"/>
    </row>
    <row r="81" spans="1:19" ht="21" x14ac:dyDescent="0.15">
      <c r="E81" s="7"/>
      <c r="F81" s="7"/>
      <c r="G81" s="7"/>
      <c r="H81" s="7"/>
      <c r="I81" s="7"/>
      <c r="J81" s="7"/>
      <c r="K81" s="7"/>
      <c r="L81" s="7"/>
      <c r="M81" s="7"/>
      <c r="N81" s="7"/>
      <c r="O81" s="7"/>
      <c r="P81" s="7"/>
      <c r="Q81" s="7"/>
      <c r="R81" s="7"/>
      <c r="S81" s="7"/>
    </row>
    <row r="82" spans="1:19" ht="21" x14ac:dyDescent="0.15">
      <c r="A82" s="1"/>
      <c r="E82" s="7"/>
      <c r="F82" s="7"/>
      <c r="G82" s="7"/>
      <c r="H82" s="7"/>
      <c r="I82" s="7"/>
      <c r="J82" s="7"/>
      <c r="K82" s="7"/>
      <c r="L82" s="7"/>
      <c r="M82" s="7"/>
      <c r="N82" s="7"/>
      <c r="O82" s="7"/>
      <c r="P82" s="7"/>
      <c r="Q82" s="7"/>
      <c r="R82" s="7"/>
      <c r="S82" s="7"/>
    </row>
    <row r="83" spans="1:19" ht="21" x14ac:dyDescent="0.15">
      <c r="A83" s="1"/>
      <c r="E83" s="7"/>
      <c r="F83" s="7"/>
      <c r="G83" s="7"/>
      <c r="H83" s="7"/>
      <c r="I83" s="7"/>
      <c r="J83" s="7"/>
      <c r="K83" s="7"/>
      <c r="L83" s="7"/>
      <c r="M83" s="7"/>
      <c r="N83" s="7"/>
      <c r="O83" s="7"/>
      <c r="P83" s="7"/>
      <c r="Q83" s="7"/>
      <c r="R83" s="7"/>
      <c r="S83" s="7"/>
    </row>
    <row r="84" spans="1:19" ht="21" x14ac:dyDescent="0.15">
      <c r="A84" s="1"/>
      <c r="E84" s="7"/>
      <c r="F84" s="7"/>
      <c r="G84" s="7"/>
      <c r="H84" s="7"/>
      <c r="I84" s="7"/>
      <c r="J84" s="7"/>
      <c r="K84" s="7"/>
      <c r="L84" s="7"/>
      <c r="M84" s="7"/>
      <c r="N84" s="7"/>
      <c r="O84" s="7"/>
      <c r="P84" s="7"/>
      <c r="Q84" s="7"/>
      <c r="R84" s="7"/>
      <c r="S84" s="7"/>
    </row>
    <row r="85" spans="1:19" ht="21" x14ac:dyDescent="0.15">
      <c r="A85" s="1"/>
      <c r="E85" s="7"/>
      <c r="F85" s="7"/>
      <c r="G85" s="7"/>
      <c r="H85" s="7"/>
      <c r="I85" s="7"/>
      <c r="J85" s="7"/>
      <c r="K85" s="7"/>
      <c r="L85" s="7"/>
      <c r="M85" s="7"/>
      <c r="N85" s="7"/>
      <c r="O85" s="7"/>
      <c r="P85" s="7"/>
      <c r="Q85" s="7"/>
      <c r="R85" s="7"/>
      <c r="S85" s="7"/>
    </row>
    <row r="86" spans="1:19" ht="21" x14ac:dyDescent="0.15">
      <c r="A86" s="1"/>
      <c r="C86" s="123" t="s">
        <v>46</v>
      </c>
      <c r="D86" s="123"/>
      <c r="E86" s="7"/>
      <c r="F86" s="7"/>
      <c r="G86" s="7"/>
      <c r="H86" s="7"/>
      <c r="I86" s="7"/>
      <c r="J86" s="7"/>
      <c r="K86" s="7"/>
      <c r="L86" s="7"/>
      <c r="M86" s="7"/>
      <c r="N86" s="7"/>
      <c r="O86" s="7"/>
      <c r="P86" s="7"/>
      <c r="Q86" s="7"/>
      <c r="R86" s="7"/>
      <c r="S86" s="7"/>
    </row>
    <row r="87" spans="1:19" ht="21" x14ac:dyDescent="0.15">
      <c r="A87" s="1"/>
      <c r="E87" s="7"/>
      <c r="F87" s="7"/>
      <c r="G87" s="7"/>
      <c r="H87" s="7"/>
      <c r="I87" s="7"/>
      <c r="J87" s="7"/>
      <c r="K87" s="7"/>
      <c r="L87" s="7"/>
      <c r="M87" s="7"/>
      <c r="N87" s="7"/>
      <c r="O87" s="7"/>
      <c r="P87" s="7"/>
      <c r="Q87" s="7"/>
      <c r="R87" s="7"/>
      <c r="S87" s="7"/>
    </row>
    <row r="88" spans="1:19" ht="21" x14ac:dyDescent="0.15">
      <c r="A88" s="1"/>
      <c r="E88" s="4"/>
      <c r="F88" s="4"/>
      <c r="G88" s="4"/>
      <c r="H88" s="4"/>
      <c r="I88" s="4"/>
      <c r="J88" s="4"/>
      <c r="K88" s="4"/>
      <c r="L88" s="4"/>
      <c r="M88" s="4"/>
      <c r="N88" s="4"/>
      <c r="O88" s="4"/>
      <c r="P88" s="4"/>
      <c r="Q88" s="4"/>
      <c r="R88" s="4"/>
      <c r="S88" s="7"/>
    </row>
    <row r="89" spans="1:19" ht="21" x14ac:dyDescent="0.15">
      <c r="A89" s="1"/>
      <c r="E89" s="4"/>
      <c r="F89" s="4"/>
      <c r="G89" s="4"/>
      <c r="H89" s="4"/>
      <c r="I89" s="4"/>
      <c r="J89" s="4"/>
      <c r="K89" s="4"/>
      <c r="L89" s="4"/>
      <c r="M89" s="4"/>
      <c r="N89" s="4"/>
      <c r="O89" s="4"/>
      <c r="P89" s="4"/>
      <c r="Q89" s="4"/>
      <c r="R89" s="4"/>
      <c r="S89" s="7"/>
    </row>
    <row r="90" spans="1:19" ht="21" x14ac:dyDescent="0.15">
      <c r="A90" s="1"/>
      <c r="E90" s="4"/>
      <c r="F90" s="4"/>
      <c r="G90" s="4"/>
      <c r="H90" s="4"/>
      <c r="I90" s="4"/>
      <c r="J90" s="4"/>
      <c r="K90" s="4"/>
      <c r="L90" s="4"/>
      <c r="M90" s="4"/>
      <c r="N90" s="4"/>
      <c r="O90" s="4"/>
      <c r="P90" s="4"/>
      <c r="Q90" s="4"/>
      <c r="R90" s="4"/>
      <c r="S90" s="7"/>
    </row>
    <row r="91" spans="1:19" ht="21" x14ac:dyDescent="0.15">
      <c r="A91" s="1"/>
      <c r="S91" s="7"/>
    </row>
    <row r="92" spans="1:19" ht="21" x14ac:dyDescent="0.15">
      <c r="A92" s="1"/>
      <c r="S92" s="7"/>
    </row>
    <row r="93" spans="1:19" ht="21" x14ac:dyDescent="0.15">
      <c r="A93" s="1"/>
      <c r="S93" s="7"/>
    </row>
    <row r="94" spans="1:19" ht="21" x14ac:dyDescent="0.15">
      <c r="A94" s="1"/>
      <c r="S94" s="7"/>
    </row>
    <row r="95" spans="1:19" ht="18.75" x14ac:dyDescent="0.15">
      <c r="A95" s="1"/>
      <c r="S95" s="4"/>
    </row>
    <row r="96" spans="1:19" ht="18.75" x14ac:dyDescent="0.15">
      <c r="A96" s="1"/>
      <c r="S96" s="4"/>
    </row>
    <row r="97" spans="1:19" ht="18.75" x14ac:dyDescent="0.15">
      <c r="A97" s="1"/>
      <c r="S97" s="4"/>
    </row>
  </sheetData>
  <mergeCells count="11">
    <mergeCell ref="G79:H79"/>
    <mergeCell ref="J79:L79"/>
    <mergeCell ref="M79:O79"/>
    <mergeCell ref="P79:R79"/>
    <mergeCell ref="C86:D86"/>
    <mergeCell ref="P78:R78"/>
    <mergeCell ref="A4:E4"/>
    <mergeCell ref="B72:D72"/>
    <mergeCell ref="G78:I78"/>
    <mergeCell ref="J78:L78"/>
    <mergeCell ref="M78:O78"/>
  </mergeCells>
  <phoneticPr fontId="1"/>
  <printOptions horizontalCentered="1"/>
  <pageMargins left="0.35433070866141736" right="0.35433070866141736" top="0.35433070866141736" bottom="0.86614173228346458" header="0.31496062992125984" footer="0.31496062992125984"/>
  <pageSetup paperSize="9" scale="49" fitToHeight="0" orientation="portrait" r:id="rId1"/>
  <headerFooter differentFirst="1"/>
  <rowBreaks count="1" manualBreakCount="1">
    <brk id="70" max="4" man="1"/>
  </rowBreaks>
  <drawing r:id="rId2"/>
  <legacyDrawing r:id="rId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4</vt:i4>
      </vt:variant>
    </vt:vector>
  </HeadingPairs>
  <TitlesOfParts>
    <vt:vector size="7" baseType="lpstr">
      <vt:lpstr>一般会計等</vt:lpstr>
      <vt:lpstr>一般会計からのみえけし</vt:lpstr>
      <vt:lpstr>botu連結</vt:lpstr>
      <vt:lpstr>botu連結!Print_Area</vt:lpstr>
      <vt:lpstr>一般会計からのみえけし!Print_Area</vt:lpstr>
      <vt:lpstr>一般会計等!Print_Area</vt:lpstr>
      <vt:lpstr>botu連結!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9-03-25T00:26:06Z</cp:lastPrinted>
  <dcterms:created xsi:type="dcterms:W3CDTF">2016-07-15T04:01:25Z</dcterms:created>
  <dcterms:modified xsi:type="dcterms:W3CDTF">2019-03-25T00:26:34Z</dcterms:modified>
</cp:coreProperties>
</file>